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227"/>
  <workbookPr codeName="ThisWorkbook"/>
  <mc:AlternateContent xmlns:mc="http://schemas.openxmlformats.org/markup-compatibility/2006">
    <mc:Choice Requires="x15">
      <x15ac:absPath xmlns:x15ac="http://schemas.microsoft.com/office/spreadsheetml/2010/11/ac" url="C:\Users\s162312\Desktop\"/>
    </mc:Choice>
  </mc:AlternateContent>
  <xr:revisionPtr revIDLastSave="0" documentId="13_ncr:1_{AE1F319A-85C8-4F6F-8D18-6D385DBCF43D}" xr6:coauthVersionLast="47" xr6:coauthVersionMax="47" xr10:uidLastSave="{00000000-0000-0000-0000-000000000000}"/>
  <bookViews>
    <workbookView xWindow="-108" yWindow="-108" windowWidth="23256" windowHeight="12456" tabRatio="551" xr2:uid="{00000000-000D-0000-FFFF-FFFF00000000}"/>
  </bookViews>
  <sheets>
    <sheet name="2025" sheetId="3" r:id="rId1"/>
    <sheet name="表の見方" sheetId="11" r:id="rId2"/>
  </sheets>
  <definedNames>
    <definedName name="_xlnm.Print_Area" localSheetId="1">表の見方!$A$2:$R$37</definedName>
    <definedName name="_xlnm.Print_Titles" localSheetId="0">'2025'!$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076" uniqueCount="1722">
  <si>
    <t>大学</t>
    <rPh sb="0" eb="1">
      <t>ダイ</t>
    </rPh>
    <rPh sb="1" eb="2">
      <t>ガク</t>
    </rPh>
    <phoneticPr fontId="5"/>
  </si>
  <si>
    <t>学部
（学科）</t>
    <rPh sb="0" eb="2">
      <t>ガクブ</t>
    </rPh>
    <rPh sb="4" eb="6">
      <t>ガッカ</t>
    </rPh>
    <phoneticPr fontId="5"/>
  </si>
  <si>
    <t>利用方法</t>
    <rPh sb="0" eb="2">
      <t>リヨウ</t>
    </rPh>
    <rPh sb="2" eb="4">
      <t>ホウホウ</t>
    </rPh>
    <phoneticPr fontId="5"/>
  </si>
  <si>
    <t>利用対象試験・成績</t>
    <rPh sb="0" eb="2">
      <t>リヨウ</t>
    </rPh>
    <rPh sb="2" eb="4">
      <t>タイショウ</t>
    </rPh>
    <rPh sb="4" eb="6">
      <t>シケン</t>
    </rPh>
    <rPh sb="7" eb="9">
      <t>セイセキ</t>
    </rPh>
    <phoneticPr fontId="5"/>
  </si>
  <si>
    <t>備考</t>
    <rPh sb="0" eb="2">
      <t>ビコウ</t>
    </rPh>
    <phoneticPr fontId="5"/>
  </si>
  <si>
    <t>出願要件</t>
    <rPh sb="0" eb="2">
      <t>シュツガン</t>
    </rPh>
    <rPh sb="2" eb="4">
      <t>ヨウケン</t>
    </rPh>
    <phoneticPr fontId="5"/>
  </si>
  <si>
    <t>合否判定利用</t>
    <rPh sb="0" eb="2">
      <t>ゴウヒ</t>
    </rPh>
    <rPh sb="2" eb="4">
      <t>ハンテイ</t>
    </rPh>
    <rPh sb="4" eb="6">
      <t>リヨウ</t>
    </rPh>
    <phoneticPr fontId="5"/>
  </si>
  <si>
    <t>ケンブリッジ英語検定</t>
    <rPh sb="6" eb="8">
      <t>エイゴ</t>
    </rPh>
    <rPh sb="8" eb="10">
      <t>ケンテイ</t>
    </rPh>
    <phoneticPr fontId="5"/>
  </si>
  <si>
    <t>IELTS</t>
    <phoneticPr fontId="5"/>
  </si>
  <si>
    <t>TEAP</t>
    <phoneticPr fontId="5"/>
  </si>
  <si>
    <t>TEAP CBT</t>
    <phoneticPr fontId="5"/>
  </si>
  <si>
    <t>その他</t>
    <rPh sb="2" eb="3">
      <t>タ</t>
    </rPh>
    <phoneticPr fontId="5"/>
  </si>
  <si>
    <t>点数化</t>
    <rPh sb="0" eb="2">
      <t>テンスウ</t>
    </rPh>
    <rPh sb="2" eb="3">
      <t>カ</t>
    </rPh>
    <phoneticPr fontId="5"/>
  </si>
  <si>
    <t>試験免除</t>
    <rPh sb="0" eb="2">
      <t>シケン</t>
    </rPh>
    <rPh sb="2" eb="4">
      <t>メンジョ</t>
    </rPh>
    <phoneticPr fontId="5"/>
  </si>
  <si>
    <t>実用英検</t>
    <rPh sb="0" eb="2">
      <t>ジツヨウ</t>
    </rPh>
    <rPh sb="2" eb="4">
      <t>エイケン</t>
    </rPh>
    <phoneticPr fontId="5"/>
  </si>
  <si>
    <t>△</t>
  </si>
  <si>
    <t>入試方式</t>
    <rPh sb="0" eb="2">
      <t>ニュウシ</t>
    </rPh>
    <rPh sb="2" eb="4">
      <t>ホウシキ</t>
    </rPh>
    <phoneticPr fontId="5"/>
  </si>
  <si>
    <t>秋田</t>
  </si>
  <si>
    <t>茨城</t>
  </si>
  <si>
    <t>東京芸術</t>
  </si>
  <si>
    <t>東京海洋</t>
  </si>
  <si>
    <t>富山</t>
  </si>
  <si>
    <t>福井</t>
  </si>
  <si>
    <t>大阪教育</t>
  </si>
  <si>
    <t>岡山</t>
  </si>
  <si>
    <t>広島</t>
  </si>
  <si>
    <t>山口</t>
  </si>
  <si>
    <t>愛媛</t>
  </si>
  <si>
    <t>九州</t>
  </si>
  <si>
    <t>九州工業</t>
  </si>
  <si>
    <t>佐賀</t>
  </si>
  <si>
    <t>長崎</t>
  </si>
  <si>
    <t>宮崎</t>
  </si>
  <si>
    <t>鹿児島</t>
  </si>
  <si>
    <t>宮城</t>
  </si>
  <si>
    <t>国際教養</t>
  </si>
  <si>
    <t>東京都立</t>
  </si>
  <si>
    <t>長野</t>
  </si>
  <si>
    <t>兵庫県立</t>
  </si>
  <si>
    <t>尾道市立</t>
  </si>
  <si>
    <t>沖縄県立看護</t>
  </si>
  <si>
    <t>札幌学院</t>
  </si>
  <si>
    <t>北星学園</t>
  </si>
  <si>
    <t>北海道情報</t>
  </si>
  <si>
    <t>八戸工業</t>
  </si>
  <si>
    <t>八戸学院</t>
  </si>
  <si>
    <t>弘前学院</t>
  </si>
  <si>
    <t>青森中央学院</t>
  </si>
  <si>
    <t>岩手医科</t>
  </si>
  <si>
    <t>石巻専修</t>
  </si>
  <si>
    <t>東北学院</t>
  </si>
  <si>
    <t>仙台白百合女子</t>
  </si>
  <si>
    <t>東北文化学園</t>
  </si>
  <si>
    <t>東北芸術工科</t>
  </si>
  <si>
    <t>東北公益文科</t>
  </si>
  <si>
    <t>常磐</t>
  </si>
  <si>
    <t>国際医療福祉</t>
  </si>
  <si>
    <t>宇都宮共和</t>
  </si>
  <si>
    <t>文星芸術</t>
  </si>
  <si>
    <t>高崎商科</t>
  </si>
  <si>
    <t>群馬パース</t>
  </si>
  <si>
    <t>育英</t>
  </si>
  <si>
    <t>高崎健康福祉</t>
  </si>
  <si>
    <t>東京国際</t>
  </si>
  <si>
    <t>埼玉工業</t>
  </si>
  <si>
    <t>明海</t>
  </si>
  <si>
    <t>獨協</t>
  </si>
  <si>
    <t>日本工業</t>
  </si>
  <si>
    <t>文教</t>
  </si>
  <si>
    <t>十文字学園女子</t>
  </si>
  <si>
    <t>平成国際</t>
  </si>
  <si>
    <t>共栄</t>
  </si>
  <si>
    <t>ものつくり</t>
  </si>
  <si>
    <t>江戸川</t>
  </si>
  <si>
    <t>淑徳</t>
  </si>
  <si>
    <t>千葉経済</t>
  </si>
  <si>
    <t>千葉工業</t>
  </si>
  <si>
    <t>千葉商科</t>
  </si>
  <si>
    <t>敬愛</t>
  </si>
  <si>
    <t>中央学院</t>
  </si>
  <si>
    <t>帝京平成</t>
  </si>
  <si>
    <t>東京情報</t>
  </si>
  <si>
    <t>東洋学園</t>
  </si>
  <si>
    <t>麗澤</t>
  </si>
  <si>
    <t>和洋女子</t>
  </si>
  <si>
    <t>清和</t>
  </si>
  <si>
    <t>千葉科学</t>
  </si>
  <si>
    <t>亜細亜</t>
  </si>
  <si>
    <t>青山学院</t>
  </si>
  <si>
    <t>大妻女子</t>
  </si>
  <si>
    <t>桜美林</t>
  </si>
  <si>
    <t>学習院</t>
  </si>
  <si>
    <t>慶應義塾</t>
  </si>
  <si>
    <t>工学院</t>
  </si>
  <si>
    <t>國學院</t>
  </si>
  <si>
    <t>国際基督教</t>
  </si>
  <si>
    <t>国士舘</t>
  </si>
  <si>
    <t>駒澤</t>
  </si>
  <si>
    <t>白百合女子</t>
  </si>
  <si>
    <t>実践女子</t>
  </si>
  <si>
    <t>芝浦工業</t>
  </si>
  <si>
    <t>上智</t>
  </si>
  <si>
    <t>杉野服飾</t>
  </si>
  <si>
    <t>昭和女子</t>
  </si>
  <si>
    <t>女子美術</t>
  </si>
  <si>
    <t>成蹊</t>
  </si>
  <si>
    <t>聖心女子</t>
  </si>
  <si>
    <t>清泉女子</t>
  </si>
  <si>
    <t>聖路加国際</t>
  </si>
  <si>
    <t>専修</t>
  </si>
  <si>
    <t>創価</t>
  </si>
  <si>
    <t>大東文化</t>
  </si>
  <si>
    <t>大正</t>
  </si>
  <si>
    <t>拓殖</t>
  </si>
  <si>
    <t>高千穂</t>
  </si>
  <si>
    <t>中央</t>
  </si>
  <si>
    <t>津田塾</t>
  </si>
  <si>
    <t>帝京</t>
  </si>
  <si>
    <t>東海</t>
  </si>
  <si>
    <t>東京音楽</t>
  </si>
  <si>
    <t>東京家政学院</t>
  </si>
  <si>
    <t>東京経済</t>
  </si>
  <si>
    <t>東京工科</t>
  </si>
  <si>
    <t>東京女子</t>
  </si>
  <si>
    <t>東京電機</t>
  </si>
  <si>
    <t>東京理科</t>
  </si>
  <si>
    <t>東邦</t>
  </si>
  <si>
    <t>東洋</t>
  </si>
  <si>
    <t>日本</t>
  </si>
  <si>
    <t>日本医科</t>
  </si>
  <si>
    <t>日本女子</t>
  </si>
  <si>
    <t>日本体育</t>
  </si>
  <si>
    <t>日本文化</t>
  </si>
  <si>
    <t>文化学園</t>
  </si>
  <si>
    <t>東京都市</t>
  </si>
  <si>
    <t>武蔵野</t>
  </si>
  <si>
    <t>明治</t>
  </si>
  <si>
    <t>明治学院</t>
  </si>
  <si>
    <t>明星</t>
  </si>
  <si>
    <t>立教</t>
  </si>
  <si>
    <t>立正</t>
  </si>
  <si>
    <t>早稲田</t>
  </si>
  <si>
    <t>駒沢女子</t>
  </si>
  <si>
    <t>学習院女子</t>
  </si>
  <si>
    <t>白梅学園</t>
  </si>
  <si>
    <t>東京未来</t>
  </si>
  <si>
    <t>神奈川工科</t>
  </si>
  <si>
    <t>関東学院</t>
  </si>
  <si>
    <t>昭和音楽</t>
  </si>
  <si>
    <t>田園調布学園</t>
  </si>
  <si>
    <t>フェリス女学院</t>
  </si>
  <si>
    <t>横浜美術</t>
  </si>
  <si>
    <t>新潟医療福祉</t>
  </si>
  <si>
    <t>新潟薬科</t>
  </si>
  <si>
    <t>新潟食料農業</t>
  </si>
  <si>
    <t>新潟工科</t>
  </si>
  <si>
    <t>新潟リハビリテーション</t>
  </si>
  <si>
    <t>湘南医療</t>
  </si>
  <si>
    <t>開志専門職</t>
  </si>
  <si>
    <t>金沢星稜</t>
  </si>
  <si>
    <t>北陸学院</t>
  </si>
  <si>
    <t>北陸</t>
  </si>
  <si>
    <t>金沢学院</t>
  </si>
  <si>
    <t>金城</t>
  </si>
  <si>
    <t>帝京科学</t>
  </si>
  <si>
    <t>山梨学院</t>
  </si>
  <si>
    <t>身延山</t>
  </si>
  <si>
    <t>岐阜保健</t>
  </si>
  <si>
    <t>岐阜協立</t>
  </si>
  <si>
    <t>朝日</t>
  </si>
  <si>
    <t>静岡産業</t>
  </si>
  <si>
    <t>岡崎女子</t>
  </si>
  <si>
    <t>日本赤十字豊田看護</t>
  </si>
  <si>
    <t>愛知</t>
  </si>
  <si>
    <t>愛知学院</t>
  </si>
  <si>
    <t>愛知淑徳</t>
  </si>
  <si>
    <t>金城学院</t>
  </si>
  <si>
    <t>中京</t>
  </si>
  <si>
    <t>名古屋外国語</t>
  </si>
  <si>
    <t>名古屋学院</t>
  </si>
  <si>
    <t>名古屋経済</t>
  </si>
  <si>
    <t>藤田医科</t>
  </si>
  <si>
    <t>南山</t>
  </si>
  <si>
    <t>名城</t>
  </si>
  <si>
    <t>東海学園</t>
  </si>
  <si>
    <t>豊橋創造</t>
  </si>
  <si>
    <t>愛知文教</t>
  </si>
  <si>
    <t>桜花学園</t>
  </si>
  <si>
    <t>愛知工科</t>
  </si>
  <si>
    <t>愛知東邦</t>
  </si>
  <si>
    <t>皇學館</t>
  </si>
  <si>
    <t>鈴鹿医療科学</t>
  </si>
  <si>
    <t>四日市</t>
  </si>
  <si>
    <t>びわこ学院</t>
  </si>
  <si>
    <t>平安女学院</t>
  </si>
  <si>
    <t>びわこ成蹊スポーツ</t>
  </si>
  <si>
    <t>京都産業</t>
  </si>
  <si>
    <t>京都先端科学</t>
  </si>
  <si>
    <t>京都女子</t>
  </si>
  <si>
    <t>京都精華</t>
  </si>
  <si>
    <t>京都光華女子</t>
  </si>
  <si>
    <t>種智院</t>
  </si>
  <si>
    <t>京都橘</t>
  </si>
  <si>
    <t>同志社女子</t>
  </si>
  <si>
    <t>京都ノートルダム女子</t>
  </si>
  <si>
    <t>佛教</t>
  </si>
  <si>
    <t>明治国際医療</t>
  </si>
  <si>
    <t>立命館</t>
  </si>
  <si>
    <t>龍谷</t>
  </si>
  <si>
    <t>京都文教</t>
  </si>
  <si>
    <t>大阪人間科学</t>
  </si>
  <si>
    <t>大阪音楽</t>
  </si>
  <si>
    <t>大阪学院</t>
  </si>
  <si>
    <t>大阪経済法科</t>
  </si>
  <si>
    <t>大阪工業</t>
  </si>
  <si>
    <t>大阪産業</t>
  </si>
  <si>
    <t>大阪商業</t>
  </si>
  <si>
    <t>大阪大谷</t>
  </si>
  <si>
    <t>追手門学院</t>
  </si>
  <si>
    <t>関西</t>
  </si>
  <si>
    <t>関西医科</t>
  </si>
  <si>
    <t>関西外国語</t>
  </si>
  <si>
    <t>近畿</t>
  </si>
  <si>
    <t>摂南</t>
  </si>
  <si>
    <t>藍野</t>
  </si>
  <si>
    <t>帝塚山学院</t>
  </si>
  <si>
    <t>梅花女子</t>
  </si>
  <si>
    <t>桃山学院</t>
  </si>
  <si>
    <t>大阪観光</t>
  </si>
  <si>
    <t>関西医療</t>
  </si>
  <si>
    <t>千里金蘭</t>
  </si>
  <si>
    <t>大阪河﨑リハビリテーション</t>
  </si>
  <si>
    <t>芦屋</t>
  </si>
  <si>
    <t>関西学院</t>
  </si>
  <si>
    <t>甲南女子</t>
  </si>
  <si>
    <t>神戸女子</t>
  </si>
  <si>
    <t>兵庫医科</t>
  </si>
  <si>
    <t>武庫川女子</t>
  </si>
  <si>
    <t>兵庫</t>
  </si>
  <si>
    <t>関西福祉</t>
  </si>
  <si>
    <t>畿央</t>
  </si>
  <si>
    <t>奈良学園</t>
  </si>
  <si>
    <t>高野山</t>
  </si>
  <si>
    <t>吉備国際</t>
  </si>
  <si>
    <t>美作</t>
  </si>
  <si>
    <t>山陽学園</t>
  </si>
  <si>
    <t>中国学園</t>
  </si>
  <si>
    <t>環太平洋</t>
  </si>
  <si>
    <t>広島経済</t>
  </si>
  <si>
    <t>広島修道</t>
  </si>
  <si>
    <t>広島女学院</t>
  </si>
  <si>
    <t>安田女子</t>
  </si>
  <si>
    <t>広島文化学園</t>
  </si>
  <si>
    <t>梅光学院</t>
  </si>
  <si>
    <t>徳島文理</t>
  </si>
  <si>
    <t>松山東雲女子</t>
  </si>
  <si>
    <t>九州共立</t>
  </si>
  <si>
    <t>九州産業</t>
  </si>
  <si>
    <t>九州女子</t>
  </si>
  <si>
    <t>西南学院</t>
  </si>
  <si>
    <t>日本経済</t>
  </si>
  <si>
    <t>福岡看護</t>
  </si>
  <si>
    <t>西日本工業</t>
  </si>
  <si>
    <t>福岡</t>
  </si>
  <si>
    <t>福岡女学院</t>
  </si>
  <si>
    <t>西南女学院</t>
  </si>
  <si>
    <t>日本赤十字九州国際看護</t>
  </si>
  <si>
    <t>西九州</t>
  </si>
  <si>
    <t>長崎外国語</t>
  </si>
  <si>
    <t>崇城</t>
  </si>
  <si>
    <t>九州ルーテル学院</t>
  </si>
  <si>
    <t>熊本保健科学</t>
  </si>
  <si>
    <t>日本文理</t>
  </si>
  <si>
    <t>別府</t>
  </si>
  <si>
    <t>立命館アジア太平洋</t>
  </si>
  <si>
    <t>宮崎国際</t>
  </si>
  <si>
    <t>志學館</t>
  </si>
  <si>
    <t>沖縄キリスト教学院</t>
  </si>
  <si>
    <t>一般選抜（プラス試験）</t>
    <rPh sb="0" eb="2">
      <t>イッパン</t>
    </rPh>
    <rPh sb="2" eb="4">
      <t>センバツ</t>
    </rPh>
    <rPh sb="8" eb="10">
      <t>シケン</t>
    </rPh>
    <phoneticPr fontId="4"/>
  </si>
  <si>
    <t>△</t>
    <phoneticPr fontId="4"/>
  </si>
  <si>
    <t>全学部（医療健康科学を除く）</t>
    <rPh sb="0" eb="3">
      <t>ゼンガクブ</t>
    </rPh>
    <rPh sb="4" eb="6">
      <t>イリョウ</t>
    </rPh>
    <rPh sb="6" eb="8">
      <t>ケンコウ</t>
    </rPh>
    <rPh sb="8" eb="10">
      <t>カガク</t>
    </rPh>
    <rPh sb="11" eb="12">
      <t>ノゾ</t>
    </rPh>
    <phoneticPr fontId="4"/>
  </si>
  <si>
    <t>グローバル・メディア・スタディーズ</t>
    <phoneticPr fontId="4"/>
  </si>
  <si>
    <t>一般選抜（Ｓ方式）</t>
    <rPh sb="0" eb="2">
      <t>イッパン</t>
    </rPh>
    <rPh sb="2" eb="4">
      <t>センバツ</t>
    </rPh>
    <rPh sb="6" eb="8">
      <t>ホウシキ</t>
    </rPh>
    <phoneticPr fontId="4"/>
  </si>
  <si>
    <t>国際情報</t>
    <rPh sb="0" eb="2">
      <t>コクサイ</t>
    </rPh>
    <rPh sb="2" eb="4">
      <t>ジョウホウ</t>
    </rPh>
    <phoneticPr fontId="4"/>
  </si>
  <si>
    <t>★</t>
    <phoneticPr fontId="4"/>
  </si>
  <si>
    <t>FCE</t>
    <phoneticPr fontId="4"/>
  </si>
  <si>
    <t>国際経営</t>
    <rPh sb="0" eb="2">
      <t>コクサイ</t>
    </rPh>
    <rPh sb="2" eb="4">
      <t>ケイエイ</t>
    </rPh>
    <phoneticPr fontId="4"/>
  </si>
  <si>
    <t>●</t>
    <phoneticPr fontId="4"/>
  </si>
  <si>
    <t>中央</t>
    <rPh sb="0" eb="2">
      <t>チュウオウ</t>
    </rPh>
    <phoneticPr fontId="4"/>
  </si>
  <si>
    <t>総合政策</t>
    <rPh sb="0" eb="2">
      <t>ソウゴウ</t>
    </rPh>
    <rPh sb="2" eb="4">
      <t>セイサク</t>
    </rPh>
    <phoneticPr fontId="4"/>
  </si>
  <si>
    <t>●</t>
    <phoneticPr fontId="4"/>
  </si>
  <si>
    <t>文（英語文学文化を除く）</t>
    <rPh sb="0" eb="1">
      <t>ブン</t>
    </rPh>
    <rPh sb="2" eb="4">
      <t>エイゴ</t>
    </rPh>
    <rPh sb="4" eb="6">
      <t>ブンガク</t>
    </rPh>
    <rPh sb="6" eb="8">
      <t>ブンカ</t>
    </rPh>
    <rPh sb="9" eb="10">
      <t>ノゾ</t>
    </rPh>
    <phoneticPr fontId="4"/>
  </si>
  <si>
    <t>文（英語文学文化）</t>
    <rPh sb="0" eb="1">
      <t>ブン</t>
    </rPh>
    <rPh sb="2" eb="4">
      <t>エイゴ</t>
    </rPh>
    <rPh sb="4" eb="6">
      <t>ブンガク</t>
    </rPh>
    <rPh sb="6" eb="8">
      <t>ブンカ</t>
    </rPh>
    <phoneticPr fontId="4"/>
  </si>
  <si>
    <t>準1級</t>
    <rPh sb="0" eb="1">
      <t>ジュン</t>
    </rPh>
    <rPh sb="2" eb="3">
      <t>キュウ</t>
    </rPh>
    <phoneticPr fontId="4"/>
  </si>
  <si>
    <t>経済</t>
    <rPh sb="0" eb="2">
      <t>ケイザイ</t>
    </rPh>
    <phoneticPr fontId="4"/>
  </si>
  <si>
    <t>●</t>
    <phoneticPr fontId="4"/>
  </si>
  <si>
    <t>文、文化構想</t>
    <rPh sb="0" eb="1">
      <t>ブン</t>
    </rPh>
    <rPh sb="2" eb="4">
      <t>ブンカ</t>
    </rPh>
    <rPh sb="4" eb="6">
      <t>コウソウ</t>
    </rPh>
    <phoneticPr fontId="4"/>
  </si>
  <si>
    <t>1100
CBT</t>
    <phoneticPr fontId="4"/>
  </si>
  <si>
    <t>商</t>
    <rPh sb="0" eb="1">
      <t>ショウ</t>
    </rPh>
    <phoneticPr fontId="4"/>
  </si>
  <si>
    <t>★</t>
    <phoneticPr fontId="4"/>
  </si>
  <si>
    <t>国際教養</t>
    <rPh sb="0" eb="2">
      <t>コクサイ</t>
    </rPh>
    <rPh sb="2" eb="4">
      <t>キョウヨウ</t>
    </rPh>
    <phoneticPr fontId="4"/>
  </si>
  <si>
    <t>2級</t>
    <rPh sb="1" eb="2">
      <t>キュウ</t>
    </rPh>
    <phoneticPr fontId="4"/>
  </si>
  <si>
    <t>一般入試</t>
    <rPh sb="0" eb="2">
      <t>イッパン</t>
    </rPh>
    <rPh sb="2" eb="4">
      <t>ニュウシ</t>
    </rPh>
    <phoneticPr fontId="4"/>
  </si>
  <si>
    <t>全学部</t>
    <rPh sb="0" eb="3">
      <t>ゼンガクブ</t>
    </rPh>
    <phoneticPr fontId="4"/>
  </si>
  <si>
    <t>共通テスト利用入試</t>
    <rPh sb="0" eb="2">
      <t>キョウツウ</t>
    </rPh>
    <rPh sb="5" eb="7">
      <t>リヨウ</t>
    </rPh>
    <rPh sb="7" eb="9">
      <t>ニュウシ</t>
    </rPh>
    <phoneticPr fontId="4"/>
  </si>
  <si>
    <t>明治</t>
    <phoneticPr fontId="4"/>
  </si>
  <si>
    <t>経営</t>
    <rPh sb="0" eb="2">
      <t>ケイエイ</t>
    </rPh>
    <phoneticPr fontId="4"/>
  </si>
  <si>
    <t>明治</t>
    <rPh sb="0" eb="2">
      <t>メイジ</t>
    </rPh>
    <phoneticPr fontId="4"/>
  </si>
  <si>
    <t>総合数理</t>
    <rPh sb="0" eb="2">
      <t>ソウゴウ</t>
    </rPh>
    <rPh sb="2" eb="4">
      <t>スウリ</t>
    </rPh>
    <phoneticPr fontId="4"/>
  </si>
  <si>
    <t>全学部</t>
    <rPh sb="0" eb="3">
      <t>ゼンガクブ</t>
    </rPh>
    <phoneticPr fontId="4"/>
  </si>
  <si>
    <t>一般選抜</t>
    <rPh sb="0" eb="2">
      <t>イッパン</t>
    </rPh>
    <rPh sb="2" eb="4">
      <t>センバツ</t>
    </rPh>
    <phoneticPr fontId="4"/>
  </si>
  <si>
    <t>○</t>
  </si>
  <si>
    <t>一般選抜、共通テスト利用選抜</t>
    <rPh sb="0" eb="2">
      <t>イッパン</t>
    </rPh>
    <rPh sb="2" eb="4">
      <t>センバツ</t>
    </rPh>
    <rPh sb="5" eb="7">
      <t>キョウツウ</t>
    </rPh>
    <rPh sb="10" eb="12">
      <t>リヨウ</t>
    </rPh>
    <rPh sb="12" eb="14">
      <t>センバツ</t>
    </rPh>
    <phoneticPr fontId="4"/>
  </si>
  <si>
    <t>前期・後期</t>
    <rPh sb="0" eb="1">
      <t>ゼン</t>
    </rPh>
    <rPh sb="1" eb="2">
      <t>キ</t>
    </rPh>
    <rPh sb="3" eb="5">
      <t>コウキ</t>
    </rPh>
    <phoneticPr fontId="4"/>
  </si>
  <si>
    <t>準1級</t>
    <rPh sb="0" eb="1">
      <t>ジュン</t>
    </rPh>
    <rPh sb="2" eb="3">
      <t>キュウ</t>
    </rPh>
    <phoneticPr fontId="4"/>
  </si>
  <si>
    <t>立教</t>
    <phoneticPr fontId="4"/>
  </si>
  <si>
    <t>国際日本</t>
    <rPh sb="0" eb="2">
      <t>コクサイ</t>
    </rPh>
    <rPh sb="2" eb="4">
      <t>ニホン</t>
    </rPh>
    <phoneticPr fontId="4"/>
  </si>
  <si>
    <t>学部別（英語４技能試験活用方式）</t>
    <rPh sb="4" eb="6">
      <t>エイゴ</t>
    </rPh>
    <rPh sb="7" eb="9">
      <t>ギノウ</t>
    </rPh>
    <rPh sb="9" eb="11">
      <t>シケン</t>
    </rPh>
    <rPh sb="11" eb="13">
      <t>カツヨウ</t>
    </rPh>
    <rPh sb="13" eb="15">
      <t>ホウシキ</t>
    </rPh>
    <phoneticPr fontId="4"/>
  </si>
  <si>
    <t>全学部</t>
    <rPh sb="0" eb="3">
      <t>ゼンガクブ</t>
    </rPh>
    <phoneticPr fontId="4"/>
  </si>
  <si>
    <t>一般選抜（個別方式）</t>
    <rPh sb="0" eb="2">
      <t>イッパン</t>
    </rPh>
    <rPh sb="2" eb="4">
      <t>センバツ</t>
    </rPh>
    <rPh sb="5" eb="7">
      <t>コベツ</t>
    </rPh>
    <rPh sb="7" eb="9">
      <t>ホウシキ</t>
    </rPh>
    <phoneticPr fontId="4"/>
  </si>
  <si>
    <t>薬</t>
    <rPh sb="0" eb="1">
      <t>ヤク</t>
    </rPh>
    <phoneticPr fontId="4"/>
  </si>
  <si>
    <t>応用生命科学</t>
    <rPh sb="0" eb="2">
      <t>オウヨウ</t>
    </rPh>
    <rPh sb="2" eb="6">
      <t>セイメイカガク</t>
    </rPh>
    <phoneticPr fontId="4"/>
  </si>
  <si>
    <t>国際総合科学</t>
    <rPh sb="0" eb="2">
      <t>コクサイ</t>
    </rPh>
    <rPh sb="2" eb="4">
      <t>ソウゴウ</t>
    </rPh>
    <rPh sb="4" eb="6">
      <t>カガク</t>
    </rPh>
    <phoneticPr fontId="4"/>
  </si>
  <si>
    <t>2級</t>
    <rPh sb="1" eb="2">
      <t>キュウ</t>
    </rPh>
    <phoneticPr fontId="4"/>
  </si>
  <si>
    <t>多文化社会</t>
    <rPh sb="0" eb="3">
      <t>タブンカ</t>
    </rPh>
    <rPh sb="3" eb="5">
      <t>シャカイ</t>
    </rPh>
    <phoneticPr fontId="4"/>
  </si>
  <si>
    <t>全学部</t>
    <rPh sb="0" eb="3">
      <t>ゼンガクブ</t>
    </rPh>
    <phoneticPr fontId="4"/>
  </si>
  <si>
    <t>共通テスト利用選抜</t>
    <rPh sb="0" eb="2">
      <t>キョウツウ</t>
    </rPh>
    <rPh sb="5" eb="7">
      <t>リヨウ</t>
    </rPh>
    <rPh sb="7" eb="9">
      <t>センバツ</t>
    </rPh>
    <phoneticPr fontId="4"/>
  </si>
  <si>
    <t>学部別（英語４技能試験利用方式）</t>
    <rPh sb="0" eb="2">
      <t>ガクブ</t>
    </rPh>
    <rPh sb="2" eb="3">
      <t>ベツ</t>
    </rPh>
    <rPh sb="4" eb="6">
      <t>エイゴ</t>
    </rPh>
    <rPh sb="7" eb="9">
      <t>ギノウ</t>
    </rPh>
    <rPh sb="9" eb="11">
      <t>シケン</t>
    </rPh>
    <rPh sb="11" eb="13">
      <t>リヨウ</t>
    </rPh>
    <rPh sb="13" eb="15">
      <t>ホウシキ</t>
    </rPh>
    <phoneticPr fontId="4"/>
  </si>
  <si>
    <t>全学部統一（英語４技能３科目方式）</t>
    <rPh sb="0" eb="3">
      <t>ゼンガクブ</t>
    </rPh>
    <rPh sb="3" eb="5">
      <t>トウイツ</t>
    </rPh>
    <rPh sb="6" eb="8">
      <t>エイゴ</t>
    </rPh>
    <rPh sb="9" eb="11">
      <t>ギノウ</t>
    </rPh>
    <rPh sb="12" eb="14">
      <t>カモク</t>
    </rPh>
    <rPh sb="14" eb="16">
      <t>ホウシキ</t>
    </rPh>
    <phoneticPr fontId="4"/>
  </si>
  <si>
    <t>全学部統一（英語４技能４科目方式）</t>
    <rPh sb="6" eb="8">
      <t>エイゴ</t>
    </rPh>
    <rPh sb="9" eb="11">
      <t>ギノウ</t>
    </rPh>
    <rPh sb="12" eb="14">
      <t>カモク</t>
    </rPh>
    <rPh sb="14" eb="16">
      <t>ホウシキ</t>
    </rPh>
    <phoneticPr fontId="4"/>
  </si>
  <si>
    <t>国際日本、経営、農</t>
    <rPh sb="0" eb="2">
      <t>コクサイ</t>
    </rPh>
    <rPh sb="2" eb="4">
      <t>ニホン</t>
    </rPh>
    <rPh sb="8" eb="9">
      <t>ノウ</t>
    </rPh>
    <phoneticPr fontId="4"/>
  </si>
  <si>
    <t>国際社会科学</t>
    <rPh sb="0" eb="2">
      <t>コクサイ</t>
    </rPh>
    <rPh sb="2" eb="4">
      <t>シャカイ</t>
    </rPh>
    <rPh sb="4" eb="6">
      <t>カガク</t>
    </rPh>
    <phoneticPr fontId="4"/>
  </si>
  <si>
    <t>準2級
1728</t>
    <rPh sb="0" eb="1">
      <t>ジュン</t>
    </rPh>
    <rPh sb="2" eb="3">
      <t>キュウ</t>
    </rPh>
    <phoneticPr fontId="4"/>
  </si>
  <si>
    <t>国際資源</t>
    <rPh sb="0" eb="2">
      <t>コクサイ</t>
    </rPh>
    <rPh sb="2" eb="4">
      <t>シゲン</t>
    </rPh>
    <phoneticPr fontId="4"/>
  </si>
  <si>
    <t>準1級</t>
    <rPh sb="0" eb="1">
      <t>ジュン</t>
    </rPh>
    <rPh sb="2" eb="3">
      <t>キュウ</t>
    </rPh>
    <phoneticPr fontId="4"/>
  </si>
  <si>
    <t>国際地域</t>
    <rPh sb="0" eb="2">
      <t>コクサイ</t>
    </rPh>
    <rPh sb="2" eb="4">
      <t>チイキ</t>
    </rPh>
    <phoneticPr fontId="4"/>
  </si>
  <si>
    <t>全学部</t>
    <rPh sb="0" eb="3">
      <t>ゼンガクブ</t>
    </rPh>
    <phoneticPr fontId="4"/>
  </si>
  <si>
    <t>FCE</t>
    <phoneticPr fontId="4"/>
  </si>
  <si>
    <t>千葉</t>
    <phoneticPr fontId="4"/>
  </si>
  <si>
    <t>千葉</t>
    <phoneticPr fontId="4"/>
  </si>
  <si>
    <t>海洋生命科学、海洋資源環境</t>
    <rPh sb="0" eb="2">
      <t>カイヨウ</t>
    </rPh>
    <rPh sb="2" eb="4">
      <t>セイメイ</t>
    </rPh>
    <rPh sb="4" eb="6">
      <t>カガク</t>
    </rPh>
    <rPh sb="7" eb="9">
      <t>カイヨウ</t>
    </rPh>
    <rPh sb="9" eb="11">
      <t>シゲン</t>
    </rPh>
    <rPh sb="11" eb="13">
      <t>カンキョウ</t>
    </rPh>
    <phoneticPr fontId="4"/>
  </si>
  <si>
    <t>準2級</t>
    <rPh sb="0" eb="1">
      <t>ジュン</t>
    </rPh>
    <rPh sb="2" eb="3">
      <t>キュウ</t>
    </rPh>
    <phoneticPr fontId="4"/>
  </si>
  <si>
    <t>2級</t>
    <rPh sb="1" eb="2">
      <t>キュウ</t>
    </rPh>
    <phoneticPr fontId="4"/>
  </si>
  <si>
    <t>準1級</t>
    <rPh sb="0" eb="1">
      <t>ジュン</t>
    </rPh>
    <rPh sb="2" eb="3">
      <t>キュウ</t>
    </rPh>
    <phoneticPr fontId="4"/>
  </si>
  <si>
    <t>工</t>
    <rPh sb="0" eb="1">
      <t>コウ</t>
    </rPh>
    <phoneticPr fontId="4"/>
  </si>
  <si>
    <t>共創</t>
    <rPh sb="0" eb="2">
      <t>キョウソウ</t>
    </rPh>
    <phoneticPr fontId="4"/>
  </si>
  <si>
    <t>音楽（作曲、声楽、器楽、指揮、邦楽）</t>
    <rPh sb="0" eb="2">
      <t>オンガク</t>
    </rPh>
    <rPh sb="3" eb="5">
      <t>サッキョク</t>
    </rPh>
    <rPh sb="6" eb="8">
      <t>セイガク</t>
    </rPh>
    <rPh sb="9" eb="11">
      <t>キガク</t>
    </rPh>
    <rPh sb="12" eb="14">
      <t>シキ</t>
    </rPh>
    <rPh sb="15" eb="17">
      <t>ホウガク</t>
    </rPh>
    <phoneticPr fontId="4"/>
  </si>
  <si>
    <t>★</t>
    <phoneticPr fontId="4"/>
  </si>
  <si>
    <t>★</t>
    <phoneticPr fontId="4"/>
  </si>
  <si>
    <t>共通テスト利用入試</t>
    <rPh sb="0" eb="2">
      <t>キョウツウ</t>
    </rPh>
    <rPh sb="5" eb="7">
      <t>リヨウ</t>
    </rPh>
    <rPh sb="7" eb="9">
      <t>ニュウシ</t>
    </rPh>
    <phoneticPr fontId="4"/>
  </si>
  <si>
    <t>全学部</t>
    <phoneticPr fontId="4"/>
  </si>
  <si>
    <t>国際教養</t>
    <rPh sb="0" eb="2">
      <t>コクサイ</t>
    </rPh>
    <rPh sb="2" eb="4">
      <t>キョウヨウ</t>
    </rPh>
    <phoneticPr fontId="4"/>
  </si>
  <si>
    <t>全日程</t>
    <rPh sb="0" eb="3">
      <t>ゼンニッテイ</t>
    </rPh>
    <phoneticPr fontId="4"/>
  </si>
  <si>
    <t>準1級</t>
    <rPh sb="0" eb="1">
      <t>ジュン</t>
    </rPh>
    <rPh sb="2" eb="3">
      <t>キュウ</t>
    </rPh>
    <phoneticPr fontId="4"/>
  </si>
  <si>
    <t>1250
CBT</t>
    <phoneticPr fontId="4"/>
  </si>
  <si>
    <t>前期</t>
    <rPh sb="0" eb="2">
      <t>ゼンキ</t>
    </rPh>
    <phoneticPr fontId="4"/>
  </si>
  <si>
    <t>前期・後期</t>
    <rPh sb="0" eb="2">
      <t>ゼンキ</t>
    </rPh>
    <phoneticPr fontId="4"/>
  </si>
  <si>
    <t>前期・後期</t>
    <rPh sb="0" eb="2">
      <t>ゼンキ</t>
    </rPh>
    <rPh sb="3" eb="5">
      <t>コウキ</t>
    </rPh>
    <phoneticPr fontId="4"/>
  </si>
  <si>
    <t>・</t>
  </si>
  <si>
    <t>試験別の注意事項</t>
    <rPh sb="0" eb="2">
      <t>シケン</t>
    </rPh>
    <rPh sb="2" eb="3">
      <t>ベツ</t>
    </rPh>
    <rPh sb="4" eb="6">
      <t>チュウイ</t>
    </rPh>
    <rPh sb="6" eb="8">
      <t>ジコウ</t>
    </rPh>
    <phoneticPr fontId="3"/>
  </si>
  <si>
    <t>TOEFL：TOEFLとのみ指定されている場合、TOEFL iBT欄にスコアを記載</t>
    <rPh sb="14" eb="16">
      <t>シテイ</t>
    </rPh>
    <rPh sb="21" eb="23">
      <t>バアイ</t>
    </rPh>
    <rPh sb="33" eb="34">
      <t>ラン</t>
    </rPh>
    <rPh sb="39" eb="41">
      <t>キサイ</t>
    </rPh>
    <phoneticPr fontId="3"/>
  </si>
  <si>
    <t>ケンブリッジ英語検定：試験の種類が指定されている場合は、スコアと共に種類を記載</t>
    <rPh sb="6" eb="8">
      <t>エイゴ</t>
    </rPh>
    <rPh sb="8" eb="10">
      <t>ケンテイ</t>
    </rPh>
    <rPh sb="11" eb="13">
      <t>シケン</t>
    </rPh>
    <rPh sb="14" eb="16">
      <t>シュルイ</t>
    </rPh>
    <rPh sb="17" eb="19">
      <t>シテイ</t>
    </rPh>
    <rPh sb="24" eb="26">
      <t>バアイ</t>
    </rPh>
    <rPh sb="32" eb="33">
      <t>トモ</t>
    </rPh>
    <rPh sb="34" eb="36">
      <t>シュルイ</t>
    </rPh>
    <rPh sb="37" eb="39">
      <t>キサイ</t>
    </rPh>
    <phoneticPr fontId="3"/>
  </si>
  <si>
    <t>一覧では英語資格・検定試験の利用方法、対象となる主な英語資格・検定試験について記載しています。</t>
    <rPh sb="4" eb="6">
      <t>エイゴ</t>
    </rPh>
    <rPh sb="6" eb="8">
      <t>シカク</t>
    </rPh>
    <rPh sb="9" eb="11">
      <t>ケンテイ</t>
    </rPh>
    <rPh sb="14" eb="16">
      <t>リヨウ</t>
    </rPh>
    <rPh sb="16" eb="18">
      <t>ホウホウ</t>
    </rPh>
    <rPh sb="19" eb="21">
      <t>タイショウ</t>
    </rPh>
    <rPh sb="24" eb="25">
      <t>オモ</t>
    </rPh>
    <rPh sb="26" eb="28">
      <t>エイゴ</t>
    </rPh>
    <rPh sb="28" eb="30">
      <t>シカク</t>
    </rPh>
    <rPh sb="31" eb="33">
      <t>ケンテイ</t>
    </rPh>
    <rPh sb="33" eb="35">
      <t>シケン</t>
    </rPh>
    <rPh sb="39" eb="41">
      <t>キサイ</t>
    </rPh>
    <phoneticPr fontId="4"/>
  </si>
  <si>
    <t xml:space="preserve">・
</t>
    <phoneticPr fontId="4"/>
  </si>
  <si>
    <t>出願要件として利用する場合は「★」、合否判定に利用する場合において、英語資格・検定試験の成績提出が必須の場合は「●」、任意提出（英語資格・検定試験の成績が無くても受験は可能）の場合は「△」を付しています。</t>
    <rPh sb="0" eb="2">
      <t>シュツガン</t>
    </rPh>
    <rPh sb="2" eb="4">
      <t>ヨウケン</t>
    </rPh>
    <rPh sb="7" eb="9">
      <t>リヨウ</t>
    </rPh>
    <rPh sb="11" eb="13">
      <t>バアイ</t>
    </rPh>
    <rPh sb="88" eb="90">
      <t>バアイ</t>
    </rPh>
    <phoneticPr fontId="4"/>
  </si>
  <si>
    <t>【利用方法】</t>
    <phoneticPr fontId="4"/>
  </si>
  <si>
    <t>【利用対象試験・成績】</t>
    <rPh sb="1" eb="3">
      <t>リヨウ</t>
    </rPh>
    <rPh sb="3" eb="5">
      <t>タイショウ</t>
    </rPh>
    <rPh sb="5" eb="7">
      <t>シケン</t>
    </rPh>
    <rPh sb="8" eb="10">
      <t>セイセキ</t>
    </rPh>
    <phoneticPr fontId="4"/>
  </si>
  <si>
    <t>・</t>
    <phoneticPr fontId="4"/>
  </si>
  <si>
    <t>IELTS：アカデミック・モジュールが対象（ジェネラル・トレーニング・モジュールは割愛）</t>
    <rPh sb="19" eb="21">
      <t>タイショウ</t>
    </rPh>
    <rPh sb="41" eb="43">
      <t>カツアイ</t>
    </rPh>
    <phoneticPr fontId="3"/>
  </si>
  <si>
    <t>記載されている試験以外の英語資格・検定試験を利用可能な場合、「その他」欄に「○」を付しています。</t>
    <rPh sb="0" eb="2">
      <t>キサイ</t>
    </rPh>
    <rPh sb="7" eb="9">
      <t>シケン</t>
    </rPh>
    <rPh sb="14" eb="16">
      <t>シカク</t>
    </rPh>
    <rPh sb="17" eb="19">
      <t>ケンテイ</t>
    </rPh>
    <rPh sb="35" eb="36">
      <t>ラン</t>
    </rPh>
    <phoneticPr fontId="4"/>
  </si>
  <si>
    <t>KET</t>
    <phoneticPr fontId="4"/>
  </si>
  <si>
    <t>準2級</t>
    <rPh sb="0" eb="1">
      <t>ジュン</t>
    </rPh>
    <rPh sb="2" eb="3">
      <t>キュウ</t>
    </rPh>
    <phoneticPr fontId="4"/>
  </si>
  <si>
    <t>準1級</t>
    <rPh sb="0" eb="1">
      <t>ジュン</t>
    </rPh>
    <rPh sb="2" eb="3">
      <t>キュウ</t>
    </rPh>
    <phoneticPr fontId="4"/>
  </si>
  <si>
    <t>英語資格・検定試験を利用する大学一覧 表の見方</t>
    <rPh sb="0" eb="2">
      <t>エイゴ</t>
    </rPh>
    <rPh sb="2" eb="4">
      <t>シカク</t>
    </rPh>
    <rPh sb="5" eb="7">
      <t>ケンテイ</t>
    </rPh>
    <rPh sb="7" eb="9">
      <t>シケン</t>
    </rPh>
    <rPh sb="10" eb="12">
      <t>リヨウ</t>
    </rPh>
    <rPh sb="14" eb="16">
      <t>ダイガク</t>
    </rPh>
    <rPh sb="16" eb="18">
      <t>イチラン</t>
    </rPh>
    <rPh sb="19" eb="20">
      <t>ヒョウ</t>
    </rPh>
    <rPh sb="21" eb="23">
      <t>ミカタ</t>
    </rPh>
    <phoneticPr fontId="0"/>
  </si>
  <si>
    <t>法政</t>
    <phoneticPr fontId="4"/>
  </si>
  <si>
    <t>グローバル教養</t>
    <rPh sb="5" eb="7">
      <t>キョウヨウ</t>
    </rPh>
    <phoneticPr fontId="4"/>
  </si>
  <si>
    <t>960
Ad
CBT</t>
    <phoneticPr fontId="4"/>
  </si>
  <si>
    <t>関西</t>
    <rPh sb="0" eb="2">
      <t>カンサイ</t>
    </rPh>
    <phoneticPr fontId="4"/>
  </si>
  <si>
    <t>外国語</t>
    <rPh sb="0" eb="3">
      <t>ガイコクゴ</t>
    </rPh>
    <phoneticPr fontId="4"/>
  </si>
  <si>
    <t>システム理工</t>
    <rPh sb="4" eb="6">
      <t>リコウ</t>
    </rPh>
    <phoneticPr fontId="4"/>
  </si>
  <si>
    <t>文</t>
    <rPh sb="0" eb="1">
      <t>ブン</t>
    </rPh>
    <phoneticPr fontId="4"/>
  </si>
  <si>
    <r>
      <t>TOEFL iBT</t>
    </r>
    <r>
      <rPr>
        <vertAlign val="superscript"/>
        <sz val="8"/>
        <rFont val="Meiryo UI"/>
        <family val="3"/>
        <charset val="128"/>
      </rPr>
      <t>®</t>
    </r>
    <phoneticPr fontId="5"/>
  </si>
  <si>
    <r>
      <t>TOEIC</t>
    </r>
    <r>
      <rPr>
        <vertAlign val="superscript"/>
        <sz val="8"/>
        <rFont val="Meiryo UI"/>
        <family val="3"/>
        <charset val="128"/>
      </rPr>
      <t xml:space="preserve">® </t>
    </r>
    <r>
      <rPr>
        <sz val="8"/>
        <rFont val="Meiryo UI"/>
        <family val="3"/>
        <charset val="128"/>
      </rPr>
      <t>LR&amp;SW</t>
    </r>
    <phoneticPr fontId="5"/>
  </si>
  <si>
    <r>
      <t>TOEIC</t>
    </r>
    <r>
      <rPr>
        <vertAlign val="superscript"/>
        <sz val="8"/>
        <rFont val="Meiryo UI"/>
        <family val="3"/>
        <charset val="128"/>
      </rPr>
      <t>®</t>
    </r>
    <r>
      <rPr>
        <sz val="8"/>
        <rFont val="Meiryo UI"/>
        <family val="3"/>
        <charset val="128"/>
      </rPr>
      <t xml:space="preserve"> 
LR</t>
    </r>
    <phoneticPr fontId="5"/>
  </si>
  <si>
    <t>GTEC：試験のタイプを限定している場合は、スコアの下にタイプを記載</t>
    <rPh sb="5" eb="7">
      <t>シケン</t>
    </rPh>
    <rPh sb="12" eb="14">
      <t>ゲンテイ</t>
    </rPh>
    <rPh sb="18" eb="20">
      <t>バアイ</t>
    </rPh>
    <rPh sb="26" eb="27">
      <t>シタ</t>
    </rPh>
    <rPh sb="32" eb="34">
      <t>キサイ</t>
    </rPh>
    <phoneticPr fontId="4"/>
  </si>
  <si>
    <t>後期</t>
    <rPh sb="0" eb="2">
      <t>コウキ</t>
    </rPh>
    <phoneticPr fontId="4"/>
  </si>
  <si>
    <t>●</t>
    <phoneticPr fontId="4"/>
  </si>
  <si>
    <t>準2級</t>
    <rPh sb="0" eb="1">
      <t>ジュン</t>
    </rPh>
    <rPh sb="2" eb="3">
      <t>キュウ</t>
    </rPh>
    <phoneticPr fontId="4"/>
  </si>
  <si>
    <t>前期</t>
    <rPh sb="0" eb="2">
      <t>ゼンキ</t>
    </rPh>
    <phoneticPr fontId="4"/>
  </si>
  <si>
    <t>★</t>
    <phoneticPr fontId="4"/>
  </si>
  <si>
    <t>2級</t>
    <rPh sb="1" eb="2">
      <t>キュウ</t>
    </rPh>
    <phoneticPr fontId="4"/>
  </si>
  <si>
    <t>●</t>
    <phoneticPr fontId="4"/>
  </si>
  <si>
    <t>全学部</t>
    <phoneticPr fontId="4"/>
  </si>
  <si>
    <t>★</t>
    <phoneticPr fontId="4"/>
  </si>
  <si>
    <t>国際リベラルアーツ</t>
    <rPh sb="0" eb="2">
      <t>コクサイ</t>
    </rPh>
    <phoneticPr fontId="4"/>
  </si>
  <si>
    <t>全学部</t>
    <rPh sb="0" eb="3">
      <t>ゼンガクブ</t>
    </rPh>
    <phoneticPr fontId="4"/>
  </si>
  <si>
    <t>歯</t>
    <rPh sb="0" eb="1">
      <t>ハ</t>
    </rPh>
    <phoneticPr fontId="4"/>
  </si>
  <si>
    <t>前期：個別試験「英語」の満点を上限に加点（10～30点）
後期：個別試験「小論文」の満点を上限に加点（20～60点）</t>
    <rPh sb="0" eb="2">
      <t>ゼンキ</t>
    </rPh>
    <rPh sb="3" eb="5">
      <t>コベツ</t>
    </rPh>
    <rPh sb="5" eb="7">
      <t>シケン</t>
    </rPh>
    <rPh sb="8" eb="10">
      <t>エイゴ</t>
    </rPh>
    <rPh sb="12" eb="14">
      <t>マンテン</t>
    </rPh>
    <rPh sb="15" eb="17">
      <t>ジョウゲン</t>
    </rPh>
    <rPh sb="18" eb="20">
      <t>カテン</t>
    </rPh>
    <rPh sb="26" eb="27">
      <t>テン</t>
    </rPh>
    <rPh sb="29" eb="31">
      <t>コウキ</t>
    </rPh>
    <rPh sb="32" eb="34">
      <t>コベツ</t>
    </rPh>
    <rPh sb="34" eb="36">
      <t>シケン</t>
    </rPh>
    <rPh sb="37" eb="40">
      <t>ショウロンブン</t>
    </rPh>
    <rPh sb="42" eb="44">
      <t>マンテン</t>
    </rPh>
    <rPh sb="45" eb="47">
      <t>ジョウゲン</t>
    </rPh>
    <rPh sb="48" eb="50">
      <t>カテン</t>
    </rPh>
    <rPh sb="56" eb="57">
      <t>テン</t>
    </rPh>
    <phoneticPr fontId="4"/>
  </si>
  <si>
    <t>全学部</t>
    <rPh sb="0" eb="3">
      <t>ゼンガクブ</t>
    </rPh>
    <phoneticPr fontId="4"/>
  </si>
  <si>
    <t>一般選抜（個別学部日程Ａ方式）</t>
    <rPh sb="0" eb="2">
      <t>イッパン</t>
    </rPh>
    <rPh sb="2" eb="4">
      <t>センバツ</t>
    </rPh>
    <rPh sb="5" eb="7">
      <t>コベツ</t>
    </rPh>
    <rPh sb="7" eb="9">
      <t>ガクブ</t>
    </rPh>
    <rPh sb="9" eb="11">
      <t>ニッテイ</t>
    </rPh>
    <rPh sb="12" eb="14">
      <t>ホウシキ</t>
    </rPh>
    <phoneticPr fontId="4"/>
  </si>
  <si>
    <t>一般選抜</t>
    <rPh sb="0" eb="4">
      <t>イッパンセンバツ</t>
    </rPh>
    <phoneticPr fontId="4"/>
  </si>
  <si>
    <t>全学部</t>
    <rPh sb="0" eb="3">
      <t>ゼンガクブ</t>
    </rPh>
    <phoneticPr fontId="4"/>
  </si>
  <si>
    <t>★</t>
    <phoneticPr fontId="4"/>
  </si>
  <si>
    <t>一般選抜（総合小論文方式）</t>
    <rPh sb="0" eb="2">
      <t>イッパン</t>
    </rPh>
    <rPh sb="2" eb="4">
      <t>センバツ</t>
    </rPh>
    <rPh sb="5" eb="7">
      <t>ソウゴウ</t>
    </rPh>
    <rPh sb="7" eb="10">
      <t>ショウロンブン</t>
    </rPh>
    <rPh sb="10" eb="12">
      <t>ホウシキ</t>
    </rPh>
    <phoneticPr fontId="4"/>
  </si>
  <si>
    <t>一般選抜</t>
    <rPh sb="0" eb="2">
      <t>イッパン</t>
    </rPh>
    <rPh sb="2" eb="4">
      <t>センバツ</t>
    </rPh>
    <phoneticPr fontId="4"/>
  </si>
  <si>
    <t>△</t>
    <phoneticPr fontId="4"/>
  </si>
  <si>
    <t>準2級</t>
    <rPh sb="0" eb="1">
      <t>ジュン</t>
    </rPh>
    <rPh sb="2" eb="3">
      <t>キュウ</t>
    </rPh>
    <phoneticPr fontId="4"/>
  </si>
  <si>
    <t>人文</t>
    <rPh sb="0" eb="2">
      <t>ジンブン</t>
    </rPh>
    <phoneticPr fontId="4"/>
  </si>
  <si>
    <t>一般方式</t>
    <rPh sb="0" eb="2">
      <t>イッパン</t>
    </rPh>
    <rPh sb="2" eb="4">
      <t>ホウシキ</t>
    </rPh>
    <phoneticPr fontId="4"/>
  </si>
  <si>
    <t>全学部</t>
    <rPh sb="0" eb="3">
      <t>ゼンガクブ</t>
    </rPh>
    <phoneticPr fontId="4"/>
  </si>
  <si>
    <t>準2級</t>
    <rPh sb="0" eb="1">
      <t>ジュン</t>
    </rPh>
    <rPh sb="2" eb="3">
      <t>キュウ</t>
    </rPh>
    <phoneticPr fontId="4"/>
  </si>
  <si>
    <t>2級</t>
    <rPh sb="1" eb="2">
      <t>キュウ</t>
    </rPh>
    <phoneticPr fontId="4"/>
  </si>
  <si>
    <t>一般入試、共通テスト利用入試</t>
    <rPh sb="0" eb="2">
      <t>イッパン</t>
    </rPh>
    <rPh sb="2" eb="4">
      <t>ニュウシ</t>
    </rPh>
    <rPh sb="5" eb="7">
      <t>キョウツウ</t>
    </rPh>
    <rPh sb="10" eb="12">
      <t>リヨウ</t>
    </rPh>
    <rPh sb="12" eb="14">
      <t>ニュウシ</t>
    </rPh>
    <phoneticPr fontId="4"/>
  </si>
  <si>
    <t>医</t>
    <rPh sb="0" eb="1">
      <t>イ</t>
    </rPh>
    <phoneticPr fontId="4"/>
  </si>
  <si>
    <t>一般選抜Ｂ（高大接続型）</t>
    <rPh sb="0" eb="2">
      <t>イッパン</t>
    </rPh>
    <rPh sb="2" eb="4">
      <t>センバツ</t>
    </rPh>
    <rPh sb="6" eb="8">
      <t>コウダイ</t>
    </rPh>
    <rPh sb="8" eb="10">
      <t>セツゾク</t>
    </rPh>
    <rPh sb="10" eb="11">
      <t>ガタ</t>
    </rPh>
    <phoneticPr fontId="4"/>
  </si>
  <si>
    <t>●</t>
    <phoneticPr fontId="4"/>
  </si>
  <si>
    <t>★</t>
    <phoneticPr fontId="4"/>
  </si>
  <si>
    <t>★</t>
    <phoneticPr fontId="4"/>
  </si>
  <si>
    <t>全学部</t>
    <rPh sb="0" eb="3">
      <t>ゼンガクブ</t>
    </rPh>
    <phoneticPr fontId="4"/>
  </si>
  <si>
    <t>国際</t>
    <rPh sb="0" eb="2">
      <t>コクサイ</t>
    </rPh>
    <phoneticPr fontId="4"/>
  </si>
  <si>
    <t>★</t>
    <phoneticPr fontId="4"/>
  </si>
  <si>
    <t>全学部</t>
    <rPh sb="0" eb="3">
      <t>ゼンガクブ</t>
    </rPh>
    <phoneticPr fontId="4"/>
  </si>
  <si>
    <t>★</t>
    <phoneticPr fontId="4"/>
  </si>
  <si>
    <t>○</t>
    <phoneticPr fontId="4"/>
  </si>
  <si>
    <t>全学部</t>
    <rPh sb="0" eb="1">
      <t>ゼン</t>
    </rPh>
    <phoneticPr fontId="4"/>
  </si>
  <si>
    <t>880
CBT</t>
    <phoneticPr fontId="4"/>
  </si>
  <si>
    <t>一般選抜（前期・中期）</t>
    <rPh sb="0" eb="2">
      <t>イッパン</t>
    </rPh>
    <rPh sb="2" eb="4">
      <t>センバツ</t>
    </rPh>
    <rPh sb="5" eb="7">
      <t>ゼンキ</t>
    </rPh>
    <rPh sb="8" eb="10">
      <t>チュウキ</t>
    </rPh>
    <phoneticPr fontId="4"/>
  </si>
  <si>
    <t>2級</t>
  </si>
  <si>
    <t>TOEICは他に技能ごとの基準あり</t>
    <rPh sb="6" eb="7">
      <t>タ</t>
    </rPh>
    <rPh sb="8" eb="10">
      <t>ギノウ</t>
    </rPh>
    <rPh sb="13" eb="15">
      <t>キジュン</t>
    </rPh>
    <phoneticPr fontId="4"/>
  </si>
  <si>
    <t>総合文化政策</t>
    <rPh sb="0" eb="2">
      <t>ソウゴウ</t>
    </rPh>
    <rPh sb="2" eb="4">
      <t>ブンカ</t>
    </rPh>
    <rPh sb="4" eb="6">
      <t>セイサク</t>
    </rPh>
    <phoneticPr fontId="4"/>
  </si>
  <si>
    <t>●</t>
  </si>
  <si>
    <t>全学部（理（第二部）を除く）</t>
    <rPh sb="0" eb="3">
      <t>ゼンガクブ</t>
    </rPh>
    <rPh sb="4" eb="5">
      <t>リ</t>
    </rPh>
    <rPh sb="6" eb="7">
      <t>ダイ</t>
    </rPh>
    <rPh sb="7" eb="9">
      <t>ニブ</t>
    </rPh>
    <rPh sb="11" eb="12">
      <t>ノゾ</t>
    </rPh>
    <phoneticPr fontId="4"/>
  </si>
  <si>
    <t>全学部</t>
    <rPh sb="0" eb="3">
      <t>ゼンガクブ</t>
    </rPh>
    <phoneticPr fontId="4"/>
  </si>
  <si>
    <t>教育福祉</t>
    <rPh sb="0" eb="2">
      <t>キョウイク</t>
    </rPh>
    <rPh sb="2" eb="4">
      <t>フクシ</t>
    </rPh>
    <phoneticPr fontId="4"/>
  </si>
  <si>
    <t>1300
CBT</t>
    <phoneticPr fontId="4"/>
  </si>
  <si>
    <t>共通テスト利用入試、共通テストプラス入試</t>
    <rPh sb="10" eb="12">
      <t>キョウツウ</t>
    </rPh>
    <rPh sb="18" eb="20">
      <t>ニュウシ</t>
    </rPh>
    <phoneticPr fontId="4"/>
  </si>
  <si>
    <t>武蔵野</t>
    <phoneticPr fontId="4"/>
  </si>
  <si>
    <t>全学部</t>
    <rPh sb="0" eb="3">
      <t>ゼンガクブ</t>
    </rPh>
    <phoneticPr fontId="18"/>
  </si>
  <si>
    <t>960
CBT</t>
    <phoneticPr fontId="18"/>
  </si>
  <si>
    <t>全学部</t>
    <rPh sb="0" eb="3">
      <t>ゼンガクブ</t>
    </rPh>
    <phoneticPr fontId="4"/>
  </si>
  <si>
    <t>全学部</t>
    <rPh sb="0" eb="3">
      <t>ゼンガクブ</t>
    </rPh>
    <phoneticPr fontId="4"/>
  </si>
  <si>
    <t>武蔵</t>
    <rPh sb="0" eb="2">
      <t>ムサシ</t>
    </rPh>
    <phoneticPr fontId="4"/>
  </si>
  <si>
    <t>●</t>
    <phoneticPr fontId="4"/>
  </si>
  <si>
    <t>全学部</t>
    <rPh sb="0" eb="3">
      <t>ゼンガクブ</t>
    </rPh>
    <phoneticPr fontId="4"/>
  </si>
  <si>
    <t>個別試験「英語」の得点を満点とみなす（個別試験「英語」の受験は必須）</t>
    <rPh sb="0" eb="2">
      <t>コベツ</t>
    </rPh>
    <rPh sb="2" eb="4">
      <t>シケン</t>
    </rPh>
    <rPh sb="5" eb="7">
      <t>エイゴ</t>
    </rPh>
    <rPh sb="9" eb="11">
      <t>トクテン</t>
    </rPh>
    <rPh sb="12" eb="14">
      <t>マンテン</t>
    </rPh>
    <rPh sb="19" eb="21">
      <t>コベツ</t>
    </rPh>
    <rPh sb="21" eb="23">
      <t>シケン</t>
    </rPh>
    <phoneticPr fontId="4"/>
  </si>
  <si>
    <t>個別試験「英語」の得点を満点とみなす</t>
    <rPh sb="0" eb="2">
      <t>コベツ</t>
    </rPh>
    <rPh sb="2" eb="4">
      <t>シケン</t>
    </rPh>
    <rPh sb="5" eb="7">
      <t>エイゴ</t>
    </rPh>
    <rPh sb="9" eb="11">
      <t>トクテン</t>
    </rPh>
    <rPh sb="12" eb="14">
      <t>マンテン</t>
    </rPh>
    <phoneticPr fontId="4"/>
  </si>
  <si>
    <t>全学部</t>
    <phoneticPr fontId="4"/>
  </si>
  <si>
    <t>看護</t>
    <rPh sb="0" eb="2">
      <t>カンゴ</t>
    </rPh>
    <phoneticPr fontId="4"/>
  </si>
  <si>
    <t>△</t>
    <phoneticPr fontId="4"/>
  </si>
  <si>
    <t>音楽</t>
    <rPh sb="0" eb="2">
      <t>オンガク</t>
    </rPh>
    <phoneticPr fontId="4"/>
  </si>
  <si>
    <t>共通テスト利用入試（後期）</t>
    <rPh sb="0" eb="2">
      <t>キョウツウ</t>
    </rPh>
    <rPh sb="5" eb="7">
      <t>リヨウ</t>
    </rPh>
    <rPh sb="7" eb="9">
      <t>ニュウシ</t>
    </rPh>
    <rPh sb="10" eb="12">
      <t>コウキ</t>
    </rPh>
    <phoneticPr fontId="4"/>
  </si>
  <si>
    <t>一般入試、共通テスト利用入試</t>
    <rPh sb="2" eb="4">
      <t>ニュウシ</t>
    </rPh>
    <rPh sb="5" eb="7">
      <t>キョウツウ</t>
    </rPh>
    <rPh sb="10" eb="12">
      <t>リヨウ</t>
    </rPh>
    <rPh sb="12" eb="14">
      <t>ニュウシ</t>
    </rPh>
    <phoneticPr fontId="4"/>
  </si>
  <si>
    <t>全学部</t>
    <rPh sb="0" eb="3">
      <t>ゼンガクブ</t>
    </rPh>
    <phoneticPr fontId="4"/>
  </si>
  <si>
    <t>一般入試</t>
    <phoneticPr fontId="4"/>
  </si>
  <si>
    <t>準2級</t>
    <phoneticPr fontId="4"/>
  </si>
  <si>
    <t>全学部</t>
    <rPh sb="0" eb="3">
      <t>ゼンガクブ</t>
    </rPh>
    <phoneticPr fontId="4"/>
  </si>
  <si>
    <t>その
他</t>
    <rPh sb="3" eb="4">
      <t>タ</t>
    </rPh>
    <phoneticPr fontId="5"/>
  </si>
  <si>
    <t>全学部</t>
    <rPh sb="0" eb="3">
      <t>ゼンガクブ</t>
    </rPh>
    <phoneticPr fontId="4"/>
  </si>
  <si>
    <t>一般選抜、共通テスト利用</t>
    <rPh sb="5" eb="7">
      <t>キョウツウ</t>
    </rPh>
    <rPh sb="10" eb="12">
      <t>リヨウ</t>
    </rPh>
    <phoneticPr fontId="4"/>
  </si>
  <si>
    <t>全学部</t>
    <rPh sb="0" eb="2">
      <t>ゼンガク</t>
    </rPh>
    <rPh sb="2" eb="3">
      <t>ブ</t>
    </rPh>
    <phoneticPr fontId="4"/>
  </si>
  <si>
    <t>準2級</t>
    <rPh sb="0" eb="1">
      <t>ジュン</t>
    </rPh>
    <rPh sb="2" eb="3">
      <t>キュウ</t>
    </rPh>
    <phoneticPr fontId="4"/>
  </si>
  <si>
    <t>一般選抜</t>
    <phoneticPr fontId="4"/>
  </si>
  <si>
    <t>全学部</t>
    <rPh sb="0" eb="3">
      <t>ゼンガクブ</t>
    </rPh>
    <phoneticPr fontId="4"/>
  </si>
  <si>
    <t>一般入試、共通テスト利用入試</t>
    <rPh sb="2" eb="4">
      <t>ニュウシ</t>
    </rPh>
    <rPh sb="12" eb="14">
      <t>ニュウシ</t>
    </rPh>
    <phoneticPr fontId="4"/>
  </si>
  <si>
    <t>前期</t>
    <phoneticPr fontId="4"/>
  </si>
  <si>
    <t>地域共創</t>
    <phoneticPr fontId="4"/>
  </si>
  <si>
    <t>準2級</t>
    <phoneticPr fontId="4"/>
  </si>
  <si>
    <t>星槎道都</t>
    <phoneticPr fontId="4"/>
  </si>
  <si>
    <t>全学部</t>
    <phoneticPr fontId="4"/>
  </si>
  <si>
    <t>医療創生</t>
    <phoneticPr fontId="4"/>
  </si>
  <si>
    <t>2級</t>
    <phoneticPr fontId="4"/>
  </si>
  <si>
    <t>東日本国際</t>
    <phoneticPr fontId="4"/>
  </si>
  <si>
    <t>PET</t>
    <phoneticPr fontId="4"/>
  </si>
  <si>
    <t>B1</t>
    <phoneticPr fontId="4"/>
  </si>
  <si>
    <t>経営情報</t>
    <phoneticPr fontId="4"/>
  </si>
  <si>
    <t>一般</t>
    <phoneticPr fontId="4"/>
  </si>
  <si>
    <t>共愛学園前橋国際</t>
    <phoneticPr fontId="4"/>
  </si>
  <si>
    <t>準1級</t>
    <phoneticPr fontId="4"/>
  </si>
  <si>
    <t>群馬医療福祉</t>
    <phoneticPr fontId="4"/>
  </si>
  <si>
    <t>全学部</t>
    <phoneticPr fontId="4"/>
  </si>
  <si>
    <t>浦和</t>
    <phoneticPr fontId="4"/>
  </si>
  <si>
    <t>聖学院</t>
    <phoneticPr fontId="4"/>
  </si>
  <si>
    <t>東都</t>
    <phoneticPr fontId="4"/>
  </si>
  <si>
    <t>2級</t>
    <phoneticPr fontId="4"/>
  </si>
  <si>
    <t>こども教育</t>
    <phoneticPr fontId="4"/>
  </si>
  <si>
    <t>産業能率</t>
    <phoneticPr fontId="4"/>
  </si>
  <si>
    <t>玉川</t>
    <phoneticPr fontId="4"/>
  </si>
  <si>
    <t>デジタルハリウッド</t>
    <phoneticPr fontId="4"/>
  </si>
  <si>
    <t>デジタルコミュニケーション</t>
    <phoneticPr fontId="4"/>
  </si>
  <si>
    <t>東京慈恵会医科</t>
    <phoneticPr fontId="4"/>
  </si>
  <si>
    <t>医（医）</t>
    <phoneticPr fontId="4"/>
  </si>
  <si>
    <t>東京富士</t>
    <phoneticPr fontId="4"/>
  </si>
  <si>
    <t>経営</t>
    <phoneticPr fontId="4"/>
  </si>
  <si>
    <t>文京学院</t>
    <phoneticPr fontId="4"/>
  </si>
  <si>
    <t>目白</t>
    <phoneticPr fontId="4"/>
  </si>
  <si>
    <t>岐阜聖徳学園</t>
    <phoneticPr fontId="4"/>
  </si>
  <si>
    <t>教育</t>
    <phoneticPr fontId="4"/>
  </si>
  <si>
    <t>修文</t>
    <phoneticPr fontId="4"/>
  </si>
  <si>
    <t>名古屋芸術</t>
    <phoneticPr fontId="4"/>
  </si>
  <si>
    <t>全学部</t>
    <phoneticPr fontId="4"/>
  </si>
  <si>
    <t>名古屋商科</t>
    <phoneticPr fontId="4"/>
  </si>
  <si>
    <t>京都華頂</t>
    <phoneticPr fontId="4"/>
  </si>
  <si>
    <t>大阪歯科</t>
    <phoneticPr fontId="4"/>
  </si>
  <si>
    <t>大阪女学院</t>
    <phoneticPr fontId="4"/>
  </si>
  <si>
    <t>大阪成蹊</t>
    <phoneticPr fontId="4"/>
  </si>
  <si>
    <t>準2級</t>
    <phoneticPr fontId="4"/>
  </si>
  <si>
    <t>四天王寺</t>
    <phoneticPr fontId="4"/>
  </si>
  <si>
    <t>大和</t>
    <phoneticPr fontId="4"/>
  </si>
  <si>
    <t>大手前</t>
    <phoneticPr fontId="4"/>
  </si>
  <si>
    <t>関西国際</t>
    <phoneticPr fontId="4"/>
  </si>
  <si>
    <t>甲南</t>
    <phoneticPr fontId="4"/>
  </si>
  <si>
    <t>神戸女学院</t>
    <phoneticPr fontId="4"/>
  </si>
  <si>
    <t>岡山商科</t>
    <phoneticPr fontId="4"/>
  </si>
  <si>
    <t>久留米</t>
    <phoneticPr fontId="4"/>
  </si>
  <si>
    <t>筑紫女学園</t>
    <phoneticPr fontId="4"/>
  </si>
  <si>
    <t>中村学園</t>
    <phoneticPr fontId="4"/>
  </si>
  <si>
    <t>長崎国際</t>
    <phoneticPr fontId="4"/>
  </si>
  <si>
    <t>熊本学園</t>
    <phoneticPr fontId="4"/>
  </si>
  <si>
    <t>尚絅</t>
    <phoneticPr fontId="4"/>
  </si>
  <si>
    <t>●</t>
    <phoneticPr fontId="4"/>
  </si>
  <si>
    <t>共通テスト「英語」の得点を満点とみなす（共通テスト「英語」の受験は必須）</t>
    <rPh sb="0" eb="2">
      <t>キョウツウ</t>
    </rPh>
    <rPh sb="6" eb="8">
      <t>エイゴ</t>
    </rPh>
    <rPh sb="10" eb="12">
      <t>トクテン</t>
    </rPh>
    <rPh sb="13" eb="15">
      <t>マンテン</t>
    </rPh>
    <rPh sb="20" eb="22">
      <t>キョウツウ</t>
    </rPh>
    <rPh sb="26" eb="28">
      <t>エイゴ</t>
    </rPh>
    <rPh sb="30" eb="32">
      <t>ジュケン</t>
    </rPh>
    <rPh sb="33" eb="35">
      <t>ヒッス</t>
    </rPh>
    <phoneticPr fontId="4"/>
  </si>
  <si>
    <t>TOEIC：TOEICとのみ指定されている場合、TOEIC LR欄にスコアを記載</t>
    <rPh sb="14" eb="16">
      <t>シテイ</t>
    </rPh>
    <rPh sb="21" eb="23">
      <t>バアイ</t>
    </rPh>
    <rPh sb="32" eb="33">
      <t>ラン</t>
    </rPh>
    <rPh sb="38" eb="40">
      <t>キサイ</t>
    </rPh>
    <phoneticPr fontId="3"/>
  </si>
  <si>
    <t>叡啓</t>
    <rPh sb="0" eb="1">
      <t>エイ</t>
    </rPh>
    <rPh sb="1" eb="2">
      <t>ケイ</t>
    </rPh>
    <phoneticPr fontId="4"/>
  </si>
  <si>
    <t>大阪信愛学院</t>
    <rPh sb="0" eb="2">
      <t>オオサカ</t>
    </rPh>
    <rPh sb="2" eb="4">
      <t>シンアイ</t>
    </rPh>
    <rPh sb="4" eb="6">
      <t>ガクイン</t>
    </rPh>
    <phoneticPr fontId="4"/>
  </si>
  <si>
    <t>●
※</t>
    <phoneticPr fontId="4"/>
  </si>
  <si>
    <t>現代教養</t>
    <rPh sb="0" eb="2">
      <t>ゲンダイ</t>
    </rPh>
    <rPh sb="2" eb="4">
      <t>キョウヨウ</t>
    </rPh>
    <phoneticPr fontId="4"/>
  </si>
  <si>
    <t>全学部</t>
    <rPh sb="0" eb="1">
      <t>ゼン</t>
    </rPh>
    <rPh sb="1" eb="3">
      <t>ガクブ</t>
    </rPh>
    <phoneticPr fontId="4"/>
  </si>
  <si>
    <t>★</t>
    <phoneticPr fontId="4"/>
  </si>
  <si>
    <t>全学部</t>
    <rPh sb="0" eb="3">
      <t>ゼンガクブ</t>
    </rPh>
    <phoneticPr fontId="4"/>
  </si>
  <si>
    <t>準2級</t>
    <phoneticPr fontId="4"/>
  </si>
  <si>
    <t>準2級</t>
    <phoneticPr fontId="4"/>
  </si>
  <si>
    <t>共通テスト「英語」の得点を満点とみなす
TOEICはS&amp;Wのスコアを2.5倍にして合算</t>
    <phoneticPr fontId="4"/>
  </si>
  <si>
    <t>999
CBT</t>
    <phoneticPr fontId="4"/>
  </si>
  <si>
    <t>個別試験「英語」の得点に換算（80～100点）（受験した場合は高得点の方を利用）</t>
    <rPh sb="21" eb="22">
      <t>テン</t>
    </rPh>
    <phoneticPr fontId="4"/>
  </si>
  <si>
    <t>札幌</t>
    <phoneticPr fontId="4"/>
  </si>
  <si>
    <t>全学部</t>
    <rPh sb="0" eb="3">
      <t>ゼンガクブ</t>
    </rPh>
    <phoneticPr fontId="24"/>
  </si>
  <si>
    <t>999
CBT</t>
  </si>
  <si>
    <t>★</t>
  </si>
  <si>
    <t>全学部</t>
    <rPh sb="0" eb="3">
      <t>ゼンガクブ</t>
    </rPh>
    <phoneticPr fontId="4"/>
  </si>
  <si>
    <t>国際社会</t>
    <rPh sb="0" eb="2">
      <t>コクサイ</t>
    </rPh>
    <rPh sb="2" eb="4">
      <t>シャカイ</t>
    </rPh>
    <phoneticPr fontId="4"/>
  </si>
  <si>
    <t>美術</t>
    <rPh sb="0" eb="2">
      <t>ビジュツ</t>
    </rPh>
    <phoneticPr fontId="4"/>
  </si>
  <si>
    <t>北洋</t>
    <rPh sb="0" eb="2">
      <t>ホクヨウ</t>
    </rPh>
    <phoneticPr fontId="4"/>
  </si>
  <si>
    <t>個別試験「英語」の得点に加点</t>
    <rPh sb="12" eb="14">
      <t>カテン</t>
    </rPh>
    <phoneticPr fontId="4"/>
  </si>
  <si>
    <t>全学部</t>
    <rPh sb="0" eb="3">
      <t>ゼンガクブ</t>
    </rPh>
    <phoneticPr fontId="4"/>
  </si>
  <si>
    <t>全学部</t>
    <phoneticPr fontId="4"/>
  </si>
  <si>
    <t>全学部</t>
    <rPh sb="0" eb="3">
      <t>ゼンガクブ</t>
    </rPh>
    <phoneticPr fontId="4"/>
  </si>
  <si>
    <t>準1級
2304</t>
    <rPh sb="0" eb="1">
      <t>ジュン</t>
    </rPh>
    <rPh sb="2" eb="3">
      <t>キュウ</t>
    </rPh>
    <phoneticPr fontId="4"/>
  </si>
  <si>
    <t>共通テスト「英語」の得点を満点とみなす</t>
    <rPh sb="10" eb="12">
      <t>トクテン</t>
    </rPh>
    <phoneticPr fontId="4"/>
  </si>
  <si>
    <t>共通テスト利用入試</t>
    <phoneticPr fontId="4"/>
  </si>
  <si>
    <t>一般入試（３教科型）</t>
    <rPh sb="0" eb="2">
      <t>イッパン</t>
    </rPh>
    <rPh sb="2" eb="4">
      <t>ニュウシ</t>
    </rPh>
    <rPh sb="6" eb="9">
      <t>キョウカガタ</t>
    </rPh>
    <phoneticPr fontId="4"/>
  </si>
  <si>
    <t>経済情報</t>
    <rPh sb="0" eb="2">
      <t>ケイザイ</t>
    </rPh>
    <rPh sb="2" eb="4">
      <t>ジョウホウ</t>
    </rPh>
    <phoneticPr fontId="4"/>
  </si>
  <si>
    <t>前期・後期</t>
    <rPh sb="0" eb="1">
      <t>ゼン</t>
    </rPh>
    <rPh sb="1" eb="2">
      <t>キ</t>
    </rPh>
    <rPh sb="3" eb="5">
      <t>コウキ</t>
    </rPh>
    <phoneticPr fontId="4"/>
  </si>
  <si>
    <t>一般入試（英語＋１教科選択方式）</t>
    <rPh sb="0" eb="2">
      <t>イッパン</t>
    </rPh>
    <rPh sb="2" eb="4">
      <t>ニュウシ</t>
    </rPh>
    <rPh sb="5" eb="7">
      <t>エイゴ</t>
    </rPh>
    <rPh sb="9" eb="11">
      <t>キョウカ</t>
    </rPh>
    <rPh sb="11" eb="13">
      <t>センタク</t>
    </rPh>
    <rPh sb="13" eb="15">
      <t>ホウシキ</t>
    </rPh>
    <phoneticPr fontId="4"/>
  </si>
  <si>
    <t>★</t>
    <phoneticPr fontId="4"/>
  </si>
  <si>
    <t>文（英文）、法（国際政治を除く）、経済（国際経済）</t>
    <rPh sb="0" eb="1">
      <t>ブン</t>
    </rPh>
    <rPh sb="2" eb="4">
      <t>エイブン</t>
    </rPh>
    <rPh sb="6" eb="7">
      <t>ホウ</t>
    </rPh>
    <rPh sb="8" eb="10">
      <t>コクサイ</t>
    </rPh>
    <rPh sb="10" eb="12">
      <t>セイジ</t>
    </rPh>
    <rPh sb="13" eb="14">
      <t>ノゾ</t>
    </rPh>
    <rPh sb="17" eb="19">
      <t>ケイザイ</t>
    </rPh>
    <rPh sb="20" eb="22">
      <t>コクサイ</t>
    </rPh>
    <rPh sb="22" eb="24">
      <t>ケイザイ</t>
    </rPh>
    <phoneticPr fontId="4"/>
  </si>
  <si>
    <t>現代福祉</t>
    <rPh sb="0" eb="2">
      <t>ゲンダイ</t>
    </rPh>
    <rPh sb="2" eb="4">
      <t>フクシ</t>
    </rPh>
    <phoneticPr fontId="4"/>
  </si>
  <si>
    <t>2級
2150</t>
    <rPh sb="1" eb="2">
      <t>キュウ</t>
    </rPh>
    <phoneticPr fontId="4"/>
  </si>
  <si>
    <t>法政</t>
    <rPh sb="0" eb="2">
      <t>ホウセイ</t>
    </rPh>
    <phoneticPr fontId="4"/>
  </si>
  <si>
    <t>生命科学</t>
    <rPh sb="0" eb="2">
      <t>セイメイ</t>
    </rPh>
    <rPh sb="2" eb="4">
      <t>カガク</t>
    </rPh>
    <phoneticPr fontId="4"/>
  </si>
  <si>
    <t>スポーツ健康、キャリアデザイン</t>
    <rPh sb="4" eb="6">
      <t>ケンコウ</t>
    </rPh>
    <phoneticPr fontId="4"/>
  </si>
  <si>
    <t>PET</t>
    <phoneticPr fontId="4"/>
  </si>
  <si>
    <t>2級</t>
    <rPh sb="1" eb="2">
      <t>キュウ</t>
    </rPh>
    <phoneticPr fontId="4"/>
  </si>
  <si>
    <t>外国語（英語、交流文化）</t>
    <rPh sb="0" eb="3">
      <t>ガイコクゴ</t>
    </rPh>
    <rPh sb="4" eb="6">
      <t>エイゴ</t>
    </rPh>
    <rPh sb="7" eb="9">
      <t>コウリュウ</t>
    </rPh>
    <rPh sb="9" eb="11">
      <t>ブンカ</t>
    </rPh>
    <phoneticPr fontId="4"/>
  </si>
  <si>
    <t>経済（経済、経営）</t>
    <rPh sb="0" eb="2">
      <t>ケイザイ</t>
    </rPh>
    <rPh sb="3" eb="5">
      <t>ケイザイ</t>
    </rPh>
    <rPh sb="6" eb="8">
      <t>ケイエイ</t>
    </rPh>
    <phoneticPr fontId="4"/>
  </si>
  <si>
    <t>経済（国際環境経済）</t>
    <rPh sb="0" eb="2">
      <t>ケイザイ</t>
    </rPh>
    <rPh sb="3" eb="5">
      <t>コクサイ</t>
    </rPh>
    <rPh sb="5" eb="7">
      <t>カンキョウ</t>
    </rPh>
    <rPh sb="7" eb="9">
      <t>ケイザイ</t>
    </rPh>
    <phoneticPr fontId="4"/>
  </si>
  <si>
    <t>法</t>
    <rPh sb="0" eb="1">
      <t>ホウ</t>
    </rPh>
    <phoneticPr fontId="4"/>
  </si>
  <si>
    <t>3級</t>
    <rPh sb="1" eb="2">
      <t>キュウ</t>
    </rPh>
    <phoneticPr fontId="4"/>
  </si>
  <si>
    <t>一般選抜、共通テスト利用入学試験</t>
    <rPh sb="0" eb="2">
      <t>イッパン</t>
    </rPh>
    <rPh sb="2" eb="4">
      <t>センバツ</t>
    </rPh>
    <rPh sb="5" eb="7">
      <t>キョウツウ</t>
    </rPh>
    <rPh sb="10" eb="12">
      <t>リヨウ</t>
    </rPh>
    <rPh sb="12" eb="14">
      <t>ニュウガク</t>
    </rPh>
    <rPh sb="14" eb="16">
      <t>シケン</t>
    </rPh>
    <phoneticPr fontId="4"/>
  </si>
  <si>
    <t>国際関係</t>
    <rPh sb="0" eb="2">
      <t>コクサイ</t>
    </rPh>
    <rPh sb="2" eb="4">
      <t>カンケイ</t>
    </rPh>
    <phoneticPr fontId="4"/>
  </si>
  <si>
    <t>ＩＲ方式</t>
    <rPh sb="2" eb="4">
      <t>ホウシキ</t>
    </rPh>
    <phoneticPr fontId="4"/>
  </si>
  <si>
    <t>★</t>
    <phoneticPr fontId="4"/>
  </si>
  <si>
    <t>2級</t>
    <rPh sb="1" eb="2">
      <t>キュウ</t>
    </rPh>
    <phoneticPr fontId="4"/>
  </si>
  <si>
    <t>一般（Ｂ）</t>
    <rPh sb="0" eb="2">
      <t>イッパン</t>
    </rPh>
    <phoneticPr fontId="4"/>
  </si>
  <si>
    <t>文（英米語英米文、外国語）、国際</t>
    <rPh sb="2" eb="4">
      <t>エイベイ</t>
    </rPh>
    <rPh sb="4" eb="5">
      <t>ゴ</t>
    </rPh>
    <rPh sb="5" eb="7">
      <t>エイベイ</t>
    </rPh>
    <rPh sb="7" eb="8">
      <t>ブン</t>
    </rPh>
    <rPh sb="9" eb="12">
      <t>ガイコクゴ</t>
    </rPh>
    <phoneticPr fontId="4"/>
  </si>
  <si>
    <t>一般選抜</t>
    <rPh sb="2" eb="4">
      <t>センバツ</t>
    </rPh>
    <phoneticPr fontId="4"/>
  </si>
  <si>
    <t>全学部</t>
    <rPh sb="0" eb="3">
      <t>ゼンガクブ</t>
    </rPh>
    <phoneticPr fontId="4"/>
  </si>
  <si>
    <t>A2</t>
    <phoneticPr fontId="4"/>
  </si>
  <si>
    <t>2級</t>
    <rPh sb="1" eb="2">
      <t>キュウ</t>
    </rPh>
    <phoneticPr fontId="4"/>
  </si>
  <si>
    <t>★</t>
    <phoneticPr fontId="4"/>
  </si>
  <si>
    <t>一般選抜（英語外部検定試験利用型）</t>
    <rPh sb="0" eb="2">
      <t>イッパン</t>
    </rPh>
    <rPh sb="2" eb="4">
      <t>センバツ</t>
    </rPh>
    <rPh sb="5" eb="7">
      <t>エイゴ</t>
    </rPh>
    <rPh sb="7" eb="9">
      <t>ガイブ</t>
    </rPh>
    <rPh sb="9" eb="11">
      <t>ケンテイ</t>
    </rPh>
    <rPh sb="11" eb="13">
      <t>シケン</t>
    </rPh>
    <rPh sb="13" eb="15">
      <t>リヨウ</t>
    </rPh>
    <rPh sb="15" eb="16">
      <t>ガタ</t>
    </rPh>
    <phoneticPr fontId="4"/>
  </si>
  <si>
    <t>2級</t>
    <rPh sb="1" eb="2">
      <t>キュウ</t>
    </rPh>
    <phoneticPr fontId="4"/>
  </si>
  <si>
    <t>960
CBT</t>
    <phoneticPr fontId="4"/>
  </si>
  <si>
    <t>経済情報、看護</t>
    <rPh sb="0" eb="2">
      <t>ケイザイ</t>
    </rPh>
    <rPh sb="2" eb="4">
      <t>ジョウホウ</t>
    </rPh>
    <phoneticPr fontId="4"/>
  </si>
  <si>
    <t>現代生活</t>
    <rPh sb="0" eb="2">
      <t>ゲンダイ</t>
    </rPh>
    <rPh sb="2" eb="4">
      <t>セイカツ</t>
    </rPh>
    <phoneticPr fontId="4"/>
  </si>
  <si>
    <t>子ども</t>
    <rPh sb="0" eb="1">
      <t>コ</t>
    </rPh>
    <phoneticPr fontId="4"/>
  </si>
  <si>
    <t>国際教養</t>
    <phoneticPr fontId="4"/>
  </si>
  <si>
    <t>★</t>
    <phoneticPr fontId="4"/>
  </si>
  <si>
    <t>2級</t>
    <rPh sb="1" eb="2">
      <t>キュウ</t>
    </rPh>
    <phoneticPr fontId="4"/>
  </si>
  <si>
    <t>●</t>
    <phoneticPr fontId="4"/>
  </si>
  <si>
    <t>★</t>
    <phoneticPr fontId="4"/>
  </si>
  <si>
    <t>PET
140</t>
    <phoneticPr fontId="4"/>
  </si>
  <si>
    <t>2級
1980</t>
    <rPh sb="1" eb="2">
      <t>キュウ</t>
    </rPh>
    <phoneticPr fontId="4"/>
  </si>
  <si>
    <t>1000
Ad
CBT</t>
    <phoneticPr fontId="4"/>
  </si>
  <si>
    <t>2級</t>
    <rPh sb="1" eb="2">
      <t>キュウ</t>
    </rPh>
    <phoneticPr fontId="4"/>
  </si>
  <si>
    <t>東京慈恵会医科</t>
    <phoneticPr fontId="4"/>
  </si>
  <si>
    <t>医（看護）</t>
    <rPh sb="2" eb="4">
      <t>カンゴ</t>
    </rPh>
    <phoneticPr fontId="4"/>
  </si>
  <si>
    <t>一般</t>
    <rPh sb="0" eb="2">
      <t>イッパン</t>
    </rPh>
    <phoneticPr fontId="4"/>
  </si>
  <si>
    <t>全学部</t>
    <phoneticPr fontId="4"/>
  </si>
  <si>
    <t>大阪国際</t>
    <phoneticPr fontId="4"/>
  </si>
  <si>
    <t>国際教養（英語インテンシブプログラム）</t>
    <phoneticPr fontId="4"/>
  </si>
  <si>
    <t>★</t>
    <phoneticPr fontId="4"/>
  </si>
  <si>
    <t>●</t>
    <phoneticPr fontId="4"/>
  </si>
  <si>
    <t>共立女子</t>
    <rPh sb="0" eb="2">
      <t>コベツ</t>
    </rPh>
    <rPh sb="2" eb="4">
      <t>シケン</t>
    </rPh>
    <phoneticPr fontId="4"/>
  </si>
  <si>
    <t>一般選抜（全学統一方式）</t>
    <rPh sb="0" eb="2">
      <t>イッパン</t>
    </rPh>
    <rPh sb="2" eb="4">
      <t>センバツ</t>
    </rPh>
    <rPh sb="5" eb="7">
      <t>ゼンガク</t>
    </rPh>
    <rPh sb="7" eb="9">
      <t>トウイツ</t>
    </rPh>
    <rPh sb="9" eb="11">
      <t>ホウシキ</t>
    </rPh>
    <phoneticPr fontId="4"/>
  </si>
  <si>
    <t>教養</t>
    <rPh sb="0" eb="2">
      <t>キョウヨウ</t>
    </rPh>
    <phoneticPr fontId="4"/>
  </si>
  <si>
    <t>こども教育宝仙</t>
    <phoneticPr fontId="4"/>
  </si>
  <si>
    <t>★</t>
    <phoneticPr fontId="4"/>
  </si>
  <si>
    <t>桜美林</t>
    <phoneticPr fontId="4"/>
  </si>
  <si>
    <t>★</t>
    <phoneticPr fontId="4"/>
  </si>
  <si>
    <t>全学部</t>
    <rPh sb="0" eb="3">
      <t>ゼンガクブ</t>
    </rPh>
    <phoneticPr fontId="4"/>
  </si>
  <si>
    <t>一般選抜（前期）</t>
    <rPh sb="0" eb="2">
      <t>イッパン</t>
    </rPh>
    <rPh sb="2" eb="4">
      <t>センバツ</t>
    </rPh>
    <rPh sb="5" eb="7">
      <t>ゼンキ</t>
    </rPh>
    <phoneticPr fontId="4"/>
  </si>
  <si>
    <t>ソーシャルシステムデザイン</t>
    <phoneticPr fontId="4"/>
  </si>
  <si>
    <t>一般選抜（英語外部試験利用型）</t>
    <rPh sb="0" eb="2">
      <t>イッパン</t>
    </rPh>
    <rPh sb="2" eb="4">
      <t>センバツ</t>
    </rPh>
    <rPh sb="5" eb="7">
      <t>エイゴ</t>
    </rPh>
    <rPh sb="7" eb="9">
      <t>ガイブ</t>
    </rPh>
    <rPh sb="9" eb="11">
      <t>シケン</t>
    </rPh>
    <rPh sb="11" eb="14">
      <t>リヨウガタ</t>
    </rPh>
    <phoneticPr fontId="4"/>
  </si>
  <si>
    <t>準1級
2350</t>
    <rPh sb="0" eb="1">
      <t>ジュン</t>
    </rPh>
    <rPh sb="2" eb="3">
      <t>キュウ</t>
    </rPh>
    <phoneticPr fontId="4"/>
  </si>
  <si>
    <t>●</t>
    <phoneticPr fontId="4"/>
  </si>
  <si>
    <t>植草学園</t>
    <phoneticPr fontId="4"/>
  </si>
  <si>
    <t>2級</t>
    <phoneticPr fontId="4"/>
  </si>
  <si>
    <t>川村学園女子</t>
    <phoneticPr fontId="4"/>
  </si>
  <si>
    <t>全学部</t>
    <phoneticPr fontId="4"/>
  </si>
  <si>
    <t>準2級</t>
    <phoneticPr fontId="4"/>
  </si>
  <si>
    <t>神田外語</t>
    <phoneticPr fontId="4"/>
  </si>
  <si>
    <t>外国語</t>
    <phoneticPr fontId="4"/>
  </si>
  <si>
    <t>2級</t>
    <rPh sb="1" eb="2">
      <t>キュウ</t>
    </rPh>
    <phoneticPr fontId="25"/>
  </si>
  <si>
    <t>準2級</t>
  </si>
  <si>
    <t>聖徳</t>
    <phoneticPr fontId="4"/>
  </si>
  <si>
    <t>全学部</t>
    <rPh sb="0" eb="3">
      <t>ゼンガクブ</t>
    </rPh>
    <phoneticPr fontId="25"/>
  </si>
  <si>
    <t>準2級</t>
    <rPh sb="0" eb="1">
      <t>ジュン</t>
    </rPh>
    <rPh sb="2" eb="3">
      <t>キュウ</t>
    </rPh>
    <phoneticPr fontId="25"/>
  </si>
  <si>
    <t>3級</t>
    <rPh sb="1" eb="2">
      <t>キュウ</t>
    </rPh>
    <phoneticPr fontId="1"/>
  </si>
  <si>
    <t>一般選抜、文系・理系学部統一選抜</t>
    <rPh sb="0" eb="2">
      <t>イッパン</t>
    </rPh>
    <rPh sb="2" eb="4">
      <t>センバツ</t>
    </rPh>
    <rPh sb="5" eb="7">
      <t>ブンケイ</t>
    </rPh>
    <rPh sb="8" eb="10">
      <t>リケイ</t>
    </rPh>
    <rPh sb="10" eb="12">
      <t>ガクブ</t>
    </rPh>
    <rPh sb="12" eb="14">
      <t>トウイツ</t>
    </rPh>
    <rPh sb="14" eb="16">
      <t>センバツ</t>
    </rPh>
    <phoneticPr fontId="4"/>
  </si>
  <si>
    <t>共通テスト英語４技能利用選抜</t>
    <rPh sb="5" eb="7">
      <t>エイゴ</t>
    </rPh>
    <rPh sb="8" eb="10">
      <t>ギノウ</t>
    </rPh>
    <rPh sb="10" eb="12">
      <t>リヨウ</t>
    </rPh>
    <rPh sb="12" eb="14">
      <t>センバツ</t>
    </rPh>
    <phoneticPr fontId="4"/>
  </si>
  <si>
    <t>準2級</t>
    <rPh sb="0" eb="1">
      <t>ジュン</t>
    </rPh>
    <phoneticPr fontId="4"/>
  </si>
  <si>
    <t>共通テスト利用型、共通テスト併用型</t>
    <rPh sb="7" eb="8">
      <t>ガタ</t>
    </rPh>
    <rPh sb="9" eb="11">
      <t>キョウツウ</t>
    </rPh>
    <rPh sb="14" eb="17">
      <t>ヘイヨウガタ</t>
    </rPh>
    <phoneticPr fontId="4"/>
  </si>
  <si>
    <t>一般選抜</t>
    <rPh sb="0" eb="2">
      <t>イッパン</t>
    </rPh>
    <rPh sb="2" eb="4">
      <t>センバツ</t>
    </rPh>
    <phoneticPr fontId="4"/>
  </si>
  <si>
    <t>共通テスト利用選抜（英語外部検定活用方式）（前期３科目最高得点重視型を除く）</t>
    <rPh sb="5" eb="7">
      <t>リヨウ</t>
    </rPh>
    <rPh sb="7" eb="9">
      <t>センバツ</t>
    </rPh>
    <phoneticPr fontId="4"/>
  </si>
  <si>
    <t>一般選抜（ラストチャレンジ日程）</t>
    <rPh sb="2" eb="4">
      <t>センバツ</t>
    </rPh>
    <phoneticPr fontId="4"/>
  </si>
  <si>
    <t>リハビリテーション</t>
    <phoneticPr fontId="4"/>
  </si>
  <si>
    <t>共通テスト利用型後期Ｃ日程</t>
    <rPh sb="7" eb="8">
      <t>カタ</t>
    </rPh>
    <rPh sb="8" eb="10">
      <t>コウキ</t>
    </rPh>
    <rPh sb="11" eb="13">
      <t>ニッテイ</t>
    </rPh>
    <phoneticPr fontId="4"/>
  </si>
  <si>
    <t>個別試験「英語」の得点に換算（60～100点）（個別試験「英語」の受験は必須、高得点の方を利用）</t>
    <rPh sb="0" eb="2">
      <t>コベツ</t>
    </rPh>
    <rPh sb="2" eb="4">
      <t>シケン</t>
    </rPh>
    <rPh sb="5" eb="7">
      <t>エイゴ</t>
    </rPh>
    <rPh sb="9" eb="11">
      <t>トクテン</t>
    </rPh>
    <rPh sb="12" eb="14">
      <t>カンサン</t>
    </rPh>
    <rPh sb="21" eb="22">
      <t>テン</t>
    </rPh>
    <rPh sb="39" eb="42">
      <t>コウトクテン</t>
    </rPh>
    <rPh sb="43" eb="44">
      <t>ホウ</t>
    </rPh>
    <rPh sb="45" eb="47">
      <t>リヨウ</t>
    </rPh>
    <phoneticPr fontId="4"/>
  </si>
  <si>
    <t>PET</t>
  </si>
  <si>
    <t>大学入学共通テスト利用入学試験</t>
    <rPh sb="0" eb="2">
      <t>ダイガク</t>
    </rPh>
    <rPh sb="2" eb="4">
      <t>ニュウガク</t>
    </rPh>
    <rPh sb="4" eb="6">
      <t>キョウツウ</t>
    </rPh>
    <rPh sb="9" eb="11">
      <t>リヨウ</t>
    </rPh>
    <rPh sb="11" eb="13">
      <t>ニュウガク</t>
    </rPh>
    <rPh sb="13" eb="15">
      <t>シケン</t>
    </rPh>
    <phoneticPr fontId="4"/>
  </si>
  <si>
    <t>TOEFL iBTはMyBestスコアも利用可</t>
    <rPh sb="20" eb="22">
      <t>リヨウ</t>
    </rPh>
    <rPh sb="22" eb="23">
      <t>カ</t>
    </rPh>
    <phoneticPr fontId="4"/>
  </si>
  <si>
    <t>870
Ad
CBT</t>
    <phoneticPr fontId="4"/>
  </si>
  <si>
    <t>個別試験「英語」の得点に換算（70～90％）（受験した場合は高得点の方を利用）</t>
    <rPh sb="0" eb="2">
      <t>コベツ</t>
    </rPh>
    <rPh sb="2" eb="4">
      <t>シケン</t>
    </rPh>
    <rPh sb="5" eb="7">
      <t>エイゴ</t>
    </rPh>
    <rPh sb="9" eb="11">
      <t>トクテン</t>
    </rPh>
    <rPh sb="12" eb="14">
      <t>カンサン</t>
    </rPh>
    <rPh sb="23" eb="25">
      <t>ジュケン</t>
    </rPh>
    <rPh sb="27" eb="29">
      <t>バアイ</t>
    </rPh>
    <rPh sb="30" eb="33">
      <t>コウトクテン</t>
    </rPh>
    <rPh sb="34" eb="35">
      <t>ホウ</t>
    </rPh>
    <rPh sb="36" eb="38">
      <t>リヨウ</t>
    </rPh>
    <phoneticPr fontId="4"/>
  </si>
  <si>
    <t>共通テスト利用入試（後期英語外部試験利用方式）</t>
    <rPh sb="0" eb="2">
      <t>キョウツウ</t>
    </rPh>
    <rPh sb="5" eb="7">
      <t>リヨウ</t>
    </rPh>
    <rPh sb="7" eb="9">
      <t>ニュウシ</t>
    </rPh>
    <rPh sb="10" eb="12">
      <t>コウキ</t>
    </rPh>
    <rPh sb="12" eb="14">
      <t>エイゴ</t>
    </rPh>
    <rPh sb="14" eb="16">
      <t>ガイブ</t>
    </rPh>
    <rPh sb="16" eb="18">
      <t>シケン</t>
    </rPh>
    <rPh sb="18" eb="20">
      <t>リヨウ</t>
    </rPh>
    <rPh sb="20" eb="22">
      <t>ホウシキ</t>
    </rPh>
    <phoneticPr fontId="4"/>
  </si>
  <si>
    <t>全学部</t>
    <rPh sb="0" eb="2">
      <t>ゼンガク</t>
    </rPh>
    <rPh sb="2" eb="3">
      <t>ブ</t>
    </rPh>
    <phoneticPr fontId="4"/>
  </si>
  <si>
    <t>一般選抜</t>
    <rPh sb="0" eb="2">
      <t>イッパン</t>
    </rPh>
    <rPh sb="2" eb="4">
      <t>センバツ</t>
    </rPh>
    <phoneticPr fontId="1"/>
  </si>
  <si>
    <t>共通テスト利用選抜</t>
    <rPh sb="5" eb="7">
      <t>リヨウ</t>
    </rPh>
    <rPh sb="7" eb="9">
      <t>センバツ</t>
    </rPh>
    <phoneticPr fontId="4"/>
  </si>
  <si>
    <t>140
※</t>
  </si>
  <si>
    <t>東京音楽</t>
    <phoneticPr fontId="4"/>
  </si>
  <si>
    <t>一般選抜、共通テスト利用選抜</t>
    <rPh sb="2" eb="4">
      <t>センバツ</t>
    </rPh>
    <rPh sb="5" eb="7">
      <t>キョウツウ</t>
    </rPh>
    <rPh sb="10" eb="12">
      <t>リヨウ</t>
    </rPh>
    <rPh sb="12" eb="14">
      <t>センバツ</t>
    </rPh>
    <phoneticPr fontId="4"/>
  </si>
  <si>
    <t>人間</t>
    <rPh sb="0" eb="2">
      <t>ニンゲン</t>
    </rPh>
    <phoneticPr fontId="4"/>
  </si>
  <si>
    <t>一般選抜（前期・後期）、前期共通テストプラス方式</t>
    <rPh sb="0" eb="2">
      <t>イッパン</t>
    </rPh>
    <rPh sb="2" eb="4">
      <t>センバツ</t>
    </rPh>
    <rPh sb="5" eb="7">
      <t>ゼンキ</t>
    </rPh>
    <rPh sb="8" eb="10">
      <t>コウキ</t>
    </rPh>
    <rPh sb="12" eb="14">
      <t>ゼンキ</t>
    </rPh>
    <rPh sb="14" eb="16">
      <t>キョウツウ</t>
    </rPh>
    <rPh sb="22" eb="24">
      <t>ホウシキ</t>
    </rPh>
    <phoneticPr fontId="4"/>
  </si>
  <si>
    <t>FCE
176</t>
    <phoneticPr fontId="4"/>
  </si>
  <si>
    <t>1200
Ad
CBT</t>
    <phoneticPr fontId="4"/>
  </si>
  <si>
    <t>個別試験「英語」の得点に換算（60～100点）（受験した場合は高得点の方を利用）</t>
    <rPh sb="0" eb="2">
      <t>コベツ</t>
    </rPh>
    <rPh sb="2" eb="4">
      <t>シケン</t>
    </rPh>
    <rPh sb="9" eb="11">
      <t>トクテン</t>
    </rPh>
    <rPh sb="12" eb="14">
      <t>カンサン</t>
    </rPh>
    <rPh sb="21" eb="22">
      <t>テン</t>
    </rPh>
    <rPh sb="24" eb="26">
      <t>ジュケン</t>
    </rPh>
    <rPh sb="28" eb="30">
      <t>バアイ</t>
    </rPh>
    <phoneticPr fontId="4"/>
  </si>
  <si>
    <t>一般入試Ａ日程（国１科目+資格活用英語型）</t>
    <rPh sb="0" eb="2">
      <t>イッパン</t>
    </rPh>
    <rPh sb="2" eb="4">
      <t>ニュウシ</t>
    </rPh>
    <rPh sb="5" eb="7">
      <t>ニッテイ</t>
    </rPh>
    <rPh sb="8" eb="9">
      <t>コク</t>
    </rPh>
    <rPh sb="10" eb="12">
      <t>カモク</t>
    </rPh>
    <rPh sb="13" eb="15">
      <t>シカク</t>
    </rPh>
    <rPh sb="15" eb="17">
      <t>カツヨウ</t>
    </rPh>
    <rPh sb="17" eb="20">
      <t>エイゴガタ</t>
    </rPh>
    <phoneticPr fontId="4"/>
  </si>
  <si>
    <t>一般入試、共通テスト利用方式</t>
    <rPh sb="2" eb="4">
      <t>ニュウシ</t>
    </rPh>
    <rPh sb="5" eb="7">
      <t>キョウツウ</t>
    </rPh>
    <rPh sb="10" eb="12">
      <t>リヨウ</t>
    </rPh>
    <rPh sb="12" eb="14">
      <t>ホウシキ</t>
    </rPh>
    <phoneticPr fontId="4"/>
  </si>
  <si>
    <t>2級
1980</t>
    <phoneticPr fontId="4"/>
  </si>
  <si>
    <t>2級
2300</t>
    <phoneticPr fontId="4"/>
  </si>
  <si>
    <t>一般選抜（前期Ａ・Ｂ）、共通テストプラス試験</t>
    <rPh sb="0" eb="2">
      <t>イッパン</t>
    </rPh>
    <rPh sb="2" eb="4">
      <t>センバツ</t>
    </rPh>
    <rPh sb="5" eb="7">
      <t>ゼンキ</t>
    </rPh>
    <rPh sb="12" eb="14">
      <t>キョウツウ</t>
    </rPh>
    <rPh sb="20" eb="22">
      <t>シケン</t>
    </rPh>
    <phoneticPr fontId="4"/>
  </si>
  <si>
    <t>個別試験「英語」の得点を満点とみなす</t>
    <phoneticPr fontId="4"/>
  </si>
  <si>
    <t>一般選抜（前期Ａ方式３教科型）</t>
    <rPh sb="0" eb="2">
      <t>イッパン</t>
    </rPh>
    <rPh sb="2" eb="4">
      <t>センバツ</t>
    </rPh>
    <rPh sb="5" eb="6">
      <t>ゼン</t>
    </rPh>
    <rPh sb="6" eb="7">
      <t>キ</t>
    </rPh>
    <rPh sb="8" eb="10">
      <t>ホウシキ</t>
    </rPh>
    <rPh sb="11" eb="13">
      <t>キョウカ</t>
    </rPh>
    <rPh sb="13" eb="14">
      <t>ガタ</t>
    </rPh>
    <phoneticPr fontId="4"/>
  </si>
  <si>
    <t>調査書に加点（３または５点）
TOEICはS&amp;Wのスコアを2.5倍にして合算</t>
    <rPh sb="0" eb="3">
      <t>チョウサショ</t>
    </rPh>
    <rPh sb="4" eb="6">
      <t>カテン</t>
    </rPh>
    <rPh sb="12" eb="13">
      <t>テン</t>
    </rPh>
    <phoneticPr fontId="4"/>
  </si>
  <si>
    <t>全学統一入試（個別学力試験型）</t>
    <rPh sb="0" eb="2">
      <t>ゼンガク</t>
    </rPh>
    <rPh sb="2" eb="4">
      <t>トウイツ</t>
    </rPh>
    <rPh sb="4" eb="6">
      <t>ニュウシ</t>
    </rPh>
    <rPh sb="7" eb="9">
      <t>コベツ</t>
    </rPh>
    <rPh sb="9" eb="11">
      <t>ガクリョク</t>
    </rPh>
    <rPh sb="11" eb="13">
      <t>シケン</t>
    </rPh>
    <rPh sb="13" eb="14">
      <t>ガタ</t>
    </rPh>
    <phoneticPr fontId="4"/>
  </si>
  <si>
    <t>全学統一入試（共通テスト併用型）</t>
    <rPh sb="7" eb="9">
      <t>キョウツウ</t>
    </rPh>
    <rPh sb="12" eb="15">
      <t>ヘイヨウガタ</t>
    </rPh>
    <phoneticPr fontId="4"/>
  </si>
  <si>
    <t>個別試験「英語」の得点に換算</t>
    <rPh sb="0" eb="4">
      <t>コベツシケン</t>
    </rPh>
    <rPh sb="5" eb="7">
      <t>エイゴ</t>
    </rPh>
    <rPh sb="9" eb="11">
      <t>トクテン</t>
    </rPh>
    <rPh sb="12" eb="14">
      <t>カンザン</t>
    </rPh>
    <phoneticPr fontId="4"/>
  </si>
  <si>
    <t>全学部</t>
    <rPh sb="0" eb="3">
      <t>ゼンガクブ</t>
    </rPh>
    <phoneticPr fontId="4"/>
  </si>
  <si>
    <t>個別試験「英語」の得点に換算（60～100点）（受験した場合は高得点の方を利用）</t>
    <rPh sb="0" eb="4">
      <t>コベツシケン</t>
    </rPh>
    <rPh sb="5" eb="7">
      <t>エイゴ</t>
    </rPh>
    <rPh sb="9" eb="11">
      <t>トクテン</t>
    </rPh>
    <rPh sb="12" eb="14">
      <t>カンザン</t>
    </rPh>
    <rPh sb="21" eb="22">
      <t>テン</t>
    </rPh>
    <rPh sb="24" eb="26">
      <t>ジュケン</t>
    </rPh>
    <rPh sb="28" eb="30">
      <t>バアイ</t>
    </rPh>
    <rPh sb="31" eb="34">
      <t>コウトクテン</t>
    </rPh>
    <rPh sb="35" eb="36">
      <t>ホウ</t>
    </rPh>
    <rPh sb="37" eb="39">
      <t>リヨウ</t>
    </rPh>
    <phoneticPr fontId="4"/>
  </si>
  <si>
    <t>大学入学共通テスト利用、共通テストプラス</t>
    <rPh sb="0" eb="2">
      <t>ダイガク</t>
    </rPh>
    <rPh sb="2" eb="4">
      <t>ニュウガク</t>
    </rPh>
    <rPh sb="4" eb="6">
      <t>キョウツウ</t>
    </rPh>
    <rPh sb="9" eb="11">
      <t>リヨウ</t>
    </rPh>
    <rPh sb="12" eb="14">
      <t>キョウツウ</t>
    </rPh>
    <phoneticPr fontId="4"/>
  </si>
  <si>
    <t xml:space="preserve">個別試験「英語」の得点に加点
</t>
    <rPh sb="0" eb="2">
      <t>コベツ</t>
    </rPh>
    <rPh sb="2" eb="4">
      <t>シケン</t>
    </rPh>
    <rPh sb="5" eb="7">
      <t>エイゴ</t>
    </rPh>
    <rPh sb="9" eb="11">
      <t>トクテン</t>
    </rPh>
    <rPh sb="12" eb="14">
      <t>カテン</t>
    </rPh>
    <phoneticPr fontId="4"/>
  </si>
  <si>
    <t>一般選抜（英語外部試験利用方式）</t>
    <rPh sb="0" eb="2">
      <t>イッパン</t>
    </rPh>
    <rPh sb="2" eb="4">
      <t>センバツ</t>
    </rPh>
    <rPh sb="5" eb="7">
      <t>エイゴ</t>
    </rPh>
    <rPh sb="7" eb="9">
      <t>ガイブ</t>
    </rPh>
    <rPh sb="9" eb="11">
      <t>シケン</t>
    </rPh>
    <rPh sb="11" eb="13">
      <t>リヨウ</t>
    </rPh>
    <rPh sb="13" eb="15">
      <t>ホウシキ</t>
    </rPh>
    <phoneticPr fontId="4"/>
  </si>
  <si>
    <t>個別試験「外国語」の満点を上限に加点（10～20点）
TOEICは他に技能ごとの基準あり</t>
    <rPh sb="0" eb="2">
      <t>コベツ</t>
    </rPh>
    <rPh sb="2" eb="4">
      <t>シケン</t>
    </rPh>
    <rPh sb="5" eb="8">
      <t>ガイコクゴ</t>
    </rPh>
    <rPh sb="10" eb="12">
      <t>マンテン</t>
    </rPh>
    <rPh sb="13" eb="15">
      <t>ジョウゲン</t>
    </rPh>
    <rPh sb="16" eb="18">
      <t>カテン</t>
    </rPh>
    <rPh sb="24" eb="25">
      <t>テン</t>
    </rPh>
    <rPh sb="33" eb="34">
      <t>ホカ</t>
    </rPh>
    <rPh sb="35" eb="37">
      <t>ギノウ</t>
    </rPh>
    <rPh sb="40" eb="42">
      <t>キジュン</t>
    </rPh>
    <phoneticPr fontId="4"/>
  </si>
  <si>
    <t>一般選抜、共通テスト利用選抜、共通テストプラス選抜</t>
    <rPh sb="2" eb="4">
      <t>センバツ</t>
    </rPh>
    <rPh sb="10" eb="12">
      <t>リヨウ</t>
    </rPh>
    <rPh sb="12" eb="14">
      <t>センバツ</t>
    </rPh>
    <rPh sb="23" eb="25">
      <t>センバツ</t>
    </rPh>
    <phoneticPr fontId="4"/>
  </si>
  <si>
    <t>一般入試、大学入学共通テスト利用入試</t>
    <rPh sb="0" eb="2">
      <t>イッパン</t>
    </rPh>
    <rPh sb="2" eb="4">
      <t>ニュウシ</t>
    </rPh>
    <rPh sb="5" eb="7">
      <t>ダイガク</t>
    </rPh>
    <rPh sb="7" eb="9">
      <t>ニュウガク</t>
    </rPh>
    <rPh sb="9" eb="11">
      <t>キョウツウ</t>
    </rPh>
    <rPh sb="14" eb="16">
      <t>リヨウ</t>
    </rPh>
    <rPh sb="16" eb="18">
      <t>ニュウシ</t>
    </rPh>
    <phoneticPr fontId="4"/>
  </si>
  <si>
    <t>広島経済</t>
    <phoneticPr fontId="4"/>
  </si>
  <si>
    <t>全学部</t>
    <rPh sb="0" eb="3">
      <t>ゼンガクブ</t>
    </rPh>
    <phoneticPr fontId="4"/>
  </si>
  <si>
    <t>共通テスト利用選抜</t>
    <rPh sb="0" eb="2">
      <t>キョウツウ</t>
    </rPh>
    <rPh sb="5" eb="7">
      <t>リヨウ</t>
    </rPh>
    <rPh sb="7" eb="9">
      <t>センバツ</t>
    </rPh>
    <phoneticPr fontId="4"/>
  </si>
  <si>
    <t>共通テスト「英語」の得点に換算（150または200点）（受験した場合は高得点の方を利用）
TOEICは他に技能ごとの基準あり</t>
    <rPh sb="0" eb="2">
      <t>キョウツウ</t>
    </rPh>
    <rPh sb="6" eb="8">
      <t>エイゴ</t>
    </rPh>
    <rPh sb="10" eb="12">
      <t>トクテン</t>
    </rPh>
    <rPh sb="13" eb="15">
      <t>カンサン</t>
    </rPh>
    <rPh sb="25" eb="26">
      <t>テン</t>
    </rPh>
    <rPh sb="28" eb="30">
      <t>ジュケン</t>
    </rPh>
    <rPh sb="32" eb="34">
      <t>バアイ</t>
    </rPh>
    <rPh sb="35" eb="38">
      <t>コウトクテン</t>
    </rPh>
    <rPh sb="39" eb="40">
      <t>ホウ</t>
    </rPh>
    <rPh sb="41" eb="43">
      <t>リヨウ</t>
    </rPh>
    <rPh sb="51" eb="52">
      <t>ホカ</t>
    </rPh>
    <rPh sb="53" eb="55">
      <t>ギノウ</t>
    </rPh>
    <rPh sb="58" eb="60">
      <t>キジュン</t>
    </rPh>
    <phoneticPr fontId="4"/>
  </si>
  <si>
    <t>本学独自方式、共通テスト利用方式</t>
    <rPh sb="0" eb="2">
      <t>ホンガク</t>
    </rPh>
    <rPh sb="2" eb="4">
      <t>ドクジ</t>
    </rPh>
    <rPh sb="4" eb="6">
      <t>ホウシキ</t>
    </rPh>
    <rPh sb="7" eb="9">
      <t>キョウツウ</t>
    </rPh>
    <rPh sb="12" eb="14">
      <t>リヨウ</t>
    </rPh>
    <rPh sb="14" eb="16">
      <t>ホウシキ</t>
    </rPh>
    <phoneticPr fontId="4"/>
  </si>
  <si>
    <t>120
※</t>
    <phoneticPr fontId="4"/>
  </si>
  <si>
    <t>共通テスト「外国語」の得点を満点とみなす
他に技能ごとの基準あり</t>
    <rPh sb="6" eb="9">
      <t>ガイコクゴ</t>
    </rPh>
    <rPh sb="11" eb="13">
      <t>トクテン</t>
    </rPh>
    <phoneticPr fontId="4"/>
  </si>
  <si>
    <t>一般選抜、共通テスト利用</t>
    <rPh sb="0" eb="4">
      <t>イッパンセンバツ</t>
    </rPh>
    <rPh sb="5" eb="7">
      <t>キョウツウ</t>
    </rPh>
    <rPh sb="10" eb="12">
      <t>リヨウ</t>
    </rPh>
    <phoneticPr fontId="4"/>
  </si>
  <si>
    <t>出願要件は英語資格・検定試験に関連するもののほかに学習成績の状況・卒業年度などの要件を満たすことが必要な場合や、他の要件で出願可能な場合もあります。</t>
    <rPh sb="0" eb="2">
      <t>シュツガン</t>
    </rPh>
    <rPh sb="2" eb="4">
      <t>ヨウケン</t>
    </rPh>
    <rPh sb="15" eb="17">
      <t>カンレン</t>
    </rPh>
    <rPh sb="25" eb="27">
      <t>ガクシュウ</t>
    </rPh>
    <rPh sb="27" eb="29">
      <t>セイセキ</t>
    </rPh>
    <rPh sb="30" eb="32">
      <t>ジョウキョウ</t>
    </rPh>
    <rPh sb="33" eb="35">
      <t>ソツギョウ</t>
    </rPh>
    <rPh sb="35" eb="37">
      <t>ネンド</t>
    </rPh>
    <rPh sb="40" eb="42">
      <t>ヨウケン</t>
    </rPh>
    <rPh sb="43" eb="44">
      <t>ミ</t>
    </rPh>
    <rPh sb="49" eb="51">
      <t>ヒツヨウ</t>
    </rPh>
    <rPh sb="52" eb="54">
      <t>バアイ</t>
    </rPh>
    <rPh sb="56" eb="57">
      <t>タ</t>
    </rPh>
    <rPh sb="58" eb="60">
      <t>ヨウケン</t>
    </rPh>
    <rPh sb="61" eb="63">
      <t>シュツガン</t>
    </rPh>
    <rPh sb="63" eb="65">
      <t>カノウ</t>
    </rPh>
    <rPh sb="66" eb="68">
      <t>バアイ</t>
    </rPh>
    <phoneticPr fontId="4"/>
  </si>
  <si>
    <t>利用可能なスコアを記載しています。スコアは原則４技能のものを記載しています。</t>
    <phoneticPr fontId="4"/>
  </si>
  <si>
    <t>「出願要件」「合否判定」の両方に利用される場合は、出願要件のスコアを記載しているほか、点数化する基準が複数段階にまたがる場合は、下限スコアを記載しています。スコアが未判明の場合やスコアの基準が示されていない場合には、各種試験欄に「○」を付しています。</t>
    <rPh sb="43" eb="46">
      <t>テンスウカ</t>
    </rPh>
    <rPh sb="93" eb="95">
      <t>キジュン</t>
    </rPh>
    <rPh sb="96" eb="97">
      <t>シメ</t>
    </rPh>
    <rPh sb="103" eb="105">
      <t>バアイ</t>
    </rPh>
    <phoneticPr fontId="4"/>
  </si>
  <si>
    <t>４技能のスコアとは別に各技能ごとの基準スコアを満たすことが必要な大学もありますが、本表では割愛しています。</t>
    <rPh sb="1" eb="3">
      <t>ギノウ</t>
    </rPh>
    <rPh sb="9" eb="10">
      <t>ベツ</t>
    </rPh>
    <rPh sb="11" eb="14">
      <t>カクギノウ</t>
    </rPh>
    <rPh sb="17" eb="19">
      <t>キジュン</t>
    </rPh>
    <rPh sb="23" eb="24">
      <t>ミ</t>
    </rPh>
    <rPh sb="29" eb="31">
      <t>ヒツヨウ</t>
    </rPh>
    <rPh sb="32" eb="34">
      <t>ダイガク</t>
    </rPh>
    <rPh sb="41" eb="42">
      <t>ホン</t>
    </rPh>
    <rPh sb="42" eb="43">
      <t>ピョウ</t>
    </rPh>
    <rPh sb="45" eb="47">
      <t>カツアイ</t>
    </rPh>
    <phoneticPr fontId="4"/>
  </si>
  <si>
    <t>大学によりオフィシャル・スコアに限定している場合や、スコア取得時期、同一の資格・検定試験のうち利用できる種類を限定している場合がありますが、本表では割愛しています。</t>
    <rPh sb="29" eb="31">
      <t>シュトク</t>
    </rPh>
    <rPh sb="31" eb="33">
      <t>ジキ</t>
    </rPh>
    <rPh sb="37" eb="39">
      <t>シカク</t>
    </rPh>
    <rPh sb="40" eb="42">
      <t>ケンテイ</t>
    </rPh>
    <phoneticPr fontId="4"/>
  </si>
  <si>
    <t>実用英語技能検定：大学が指定する取得級またはCSEスコアを記載</t>
    <rPh sb="0" eb="2">
      <t>ジツヨウ</t>
    </rPh>
    <rPh sb="2" eb="4">
      <t>エイゴ</t>
    </rPh>
    <rPh sb="4" eb="6">
      <t>ギノウ</t>
    </rPh>
    <rPh sb="6" eb="8">
      <t>ケンテイ</t>
    </rPh>
    <rPh sb="9" eb="11">
      <t>ダイガク</t>
    </rPh>
    <rPh sb="12" eb="14">
      <t>シテイ</t>
    </rPh>
    <rPh sb="16" eb="18">
      <t>シュトク</t>
    </rPh>
    <rPh sb="18" eb="19">
      <t>キュウ</t>
    </rPh>
    <rPh sb="29" eb="31">
      <t>キサイ</t>
    </rPh>
    <phoneticPr fontId="3"/>
  </si>
  <si>
    <t>利用方法は「出願要件」「合否判定利用」の２つに分類しています。該当しない場合は、「その他」に分類しています。</t>
    <rPh sb="0" eb="2">
      <t>リヨウ</t>
    </rPh>
    <rPh sb="2" eb="4">
      <t>ホウホウ</t>
    </rPh>
    <rPh sb="6" eb="8">
      <t>シュツガン</t>
    </rPh>
    <rPh sb="8" eb="10">
      <t>ヨウケン</t>
    </rPh>
    <rPh sb="12" eb="14">
      <t>ゴウヒ</t>
    </rPh>
    <rPh sb="14" eb="16">
      <t>ハンテイ</t>
    </rPh>
    <rPh sb="16" eb="18">
      <t>リヨウ</t>
    </rPh>
    <rPh sb="23" eb="25">
      <t>ブンルイ</t>
    </rPh>
    <rPh sb="31" eb="33">
      <t>ガイトウ</t>
    </rPh>
    <rPh sb="36" eb="38">
      <t>バアイ</t>
    </rPh>
    <rPh sb="43" eb="44">
      <t>タ</t>
    </rPh>
    <rPh sb="46" eb="48">
      <t>ブンルイ</t>
    </rPh>
    <phoneticPr fontId="4"/>
  </si>
  <si>
    <t>全学部（工（第二部）を除く）</t>
    <rPh sb="0" eb="3">
      <t>ゼンガクブ</t>
    </rPh>
    <rPh sb="4" eb="5">
      <t>コウ</t>
    </rPh>
    <rPh sb="6" eb="8">
      <t>ダイニ</t>
    </rPh>
    <rPh sb="8" eb="9">
      <t>ブ</t>
    </rPh>
    <rPh sb="11" eb="12">
      <t>ノゾ</t>
    </rPh>
    <phoneticPr fontId="4"/>
  </si>
  <si>
    <t>個別試験の得点に加点（０～25点）
TOEICはS&amp;Wのスコアを2.5倍にして合算</t>
    <rPh sb="5" eb="7">
      <t>トクテン</t>
    </rPh>
    <rPh sb="8" eb="10">
      <t>カテン</t>
    </rPh>
    <phoneticPr fontId="4"/>
  </si>
  <si>
    <t>TOEICは他に技能ごとの基準あり</t>
    <rPh sb="6" eb="7">
      <t>タ</t>
    </rPh>
    <phoneticPr fontId="4"/>
  </si>
  <si>
    <t>共通テスト「英語」の得点に換算（80～100％）
TOEICはS&amp;Wのスコアを2.5倍にして合算</t>
    <rPh sb="0" eb="2">
      <t>キョウツウ</t>
    </rPh>
    <phoneticPr fontId="4"/>
  </si>
  <si>
    <t>個別試験「英語」の得点に換算（70～100点）（受験した場合は高得点の方を利用）</t>
    <rPh sb="0" eb="2">
      <t>コベツ</t>
    </rPh>
    <rPh sb="2" eb="4">
      <t>シケン</t>
    </rPh>
    <rPh sb="5" eb="7">
      <t>エイゴ</t>
    </rPh>
    <rPh sb="9" eb="11">
      <t>トクテン</t>
    </rPh>
    <rPh sb="12" eb="14">
      <t>カンサン</t>
    </rPh>
    <rPh sb="17" eb="22">
      <t>カラ１００テン</t>
    </rPh>
    <rPh sb="24" eb="26">
      <t>ジュケン</t>
    </rPh>
    <rPh sb="28" eb="30">
      <t>バアイ</t>
    </rPh>
    <rPh sb="31" eb="34">
      <t>コウトクテン</t>
    </rPh>
    <rPh sb="35" eb="36">
      <t>ホウ</t>
    </rPh>
    <rPh sb="37" eb="39">
      <t>リヨウ</t>
    </rPh>
    <phoneticPr fontId="4"/>
  </si>
  <si>
    <t>個別試験の得点に加点（10点）</t>
    <rPh sb="0" eb="2">
      <t>コベツ</t>
    </rPh>
    <rPh sb="2" eb="4">
      <t>シケン</t>
    </rPh>
    <rPh sb="5" eb="7">
      <t>トクテン</t>
    </rPh>
    <rPh sb="8" eb="10">
      <t>カテン</t>
    </rPh>
    <rPh sb="13" eb="14">
      <t>テン</t>
    </rPh>
    <phoneticPr fontId="4"/>
  </si>
  <si>
    <t>一般選抜入試</t>
    <rPh sb="0" eb="2">
      <t>イッパン</t>
    </rPh>
    <rPh sb="2" eb="4">
      <t>センバツ</t>
    </rPh>
    <rPh sb="4" eb="6">
      <t>ニュウシ</t>
    </rPh>
    <phoneticPr fontId="4"/>
  </si>
  <si>
    <t>一般入試（全学部日程英語外部検定試験利用型）</t>
    <rPh sb="0" eb="2">
      <t>イッパン</t>
    </rPh>
    <rPh sb="2" eb="4">
      <t>ニュウシ</t>
    </rPh>
    <rPh sb="5" eb="8">
      <t>ゼンガクブ</t>
    </rPh>
    <phoneticPr fontId="4"/>
  </si>
  <si>
    <t>一般入試（Ａ日程英語外部検定試験利用型）</t>
    <rPh sb="0" eb="2">
      <t>イッパン</t>
    </rPh>
    <rPh sb="2" eb="4">
      <t>ニュウシ</t>
    </rPh>
    <rPh sb="6" eb="8">
      <t>ニッテイ</t>
    </rPh>
    <rPh sb="8" eb="10">
      <t>エイゴ</t>
    </rPh>
    <rPh sb="10" eb="12">
      <t>ガイブ</t>
    </rPh>
    <rPh sb="12" eb="14">
      <t>ケンテイ</t>
    </rPh>
    <rPh sb="14" eb="16">
      <t>シケン</t>
    </rPh>
    <rPh sb="16" eb="19">
      <t>リヨウガタ</t>
    </rPh>
    <phoneticPr fontId="4"/>
  </si>
  <si>
    <t>一般入試（前期英語外部試験利用型）</t>
    <rPh sb="0" eb="2">
      <t>イッパン</t>
    </rPh>
    <rPh sb="2" eb="4">
      <t>ニュウシ</t>
    </rPh>
    <rPh sb="7" eb="9">
      <t>エイゴ</t>
    </rPh>
    <rPh sb="9" eb="11">
      <t>ガイブ</t>
    </rPh>
    <rPh sb="11" eb="13">
      <t>シケン</t>
    </rPh>
    <rPh sb="13" eb="16">
      <t>リヨウガタ</t>
    </rPh>
    <phoneticPr fontId="4"/>
  </si>
  <si>
    <t>調査書・活動報告書に加点（５または10点）</t>
    <rPh sb="0" eb="3">
      <t>チョウサショ</t>
    </rPh>
    <rPh sb="4" eb="6">
      <t>カツドウ</t>
    </rPh>
    <rPh sb="6" eb="9">
      <t>ホウコクショ</t>
    </rPh>
    <rPh sb="10" eb="12">
      <t>カテン</t>
    </rPh>
    <rPh sb="19" eb="20">
      <t>テン</t>
    </rPh>
    <phoneticPr fontId="4"/>
  </si>
  <si>
    <t>金沢</t>
    <phoneticPr fontId="4"/>
  </si>
  <si>
    <t>国際商経（グローバルビジネス）</t>
    <rPh sb="0" eb="2">
      <t>コクサイ</t>
    </rPh>
    <rPh sb="2" eb="4">
      <t>ショウケイ</t>
    </rPh>
    <phoneticPr fontId="4"/>
  </si>
  <si>
    <t>国際商経（経済学・経営学）</t>
    <rPh sb="0" eb="2">
      <t>コクサイ</t>
    </rPh>
    <rPh sb="2" eb="4">
      <t>ショウケイ</t>
    </rPh>
    <rPh sb="5" eb="8">
      <t>ケイザイガク</t>
    </rPh>
    <rPh sb="9" eb="11">
      <t>ケイエイ</t>
    </rPh>
    <rPh sb="11" eb="12">
      <t>ガク</t>
    </rPh>
    <phoneticPr fontId="4"/>
  </si>
  <si>
    <t>文、社会安全、法、政策創造、経済、人間健康</t>
    <rPh sb="0" eb="1">
      <t>ブン</t>
    </rPh>
    <rPh sb="2" eb="4">
      <t>シャカイ</t>
    </rPh>
    <rPh sb="4" eb="6">
      <t>アンゼン</t>
    </rPh>
    <rPh sb="9" eb="11">
      <t>セイサク</t>
    </rPh>
    <rPh sb="11" eb="13">
      <t>ソウゾウ</t>
    </rPh>
    <rPh sb="14" eb="16">
      <t>ケイザイ</t>
    </rPh>
    <rPh sb="17" eb="19">
      <t>ニンゲン</t>
    </rPh>
    <rPh sb="19" eb="21">
      <t>ケンコウ</t>
    </rPh>
    <phoneticPr fontId="4"/>
  </si>
  <si>
    <t>個別試験「英語」の得点を満点とみなす（個別試験「英語」は受験できない）</t>
    <rPh sb="0" eb="2">
      <t>コベツ</t>
    </rPh>
    <rPh sb="2" eb="4">
      <t>シケン</t>
    </rPh>
    <rPh sb="5" eb="7">
      <t>エイゴ</t>
    </rPh>
    <rPh sb="9" eb="11">
      <t>トクテン</t>
    </rPh>
    <rPh sb="12" eb="14">
      <t>マンテン</t>
    </rPh>
    <rPh sb="19" eb="21">
      <t>コベツ</t>
    </rPh>
    <rPh sb="21" eb="23">
      <t>シケン</t>
    </rPh>
    <rPh sb="24" eb="26">
      <t>エイゴ</t>
    </rPh>
    <rPh sb="28" eb="30">
      <t>ジュケン</t>
    </rPh>
    <phoneticPr fontId="4"/>
  </si>
  <si>
    <t>共通テスト利用型（英語４技能試験活用方式）</t>
    <rPh sb="0" eb="2">
      <t>キョウツウ</t>
    </rPh>
    <rPh sb="5" eb="8">
      <t>リヨウガタ</t>
    </rPh>
    <rPh sb="9" eb="11">
      <t>エイゴ</t>
    </rPh>
    <rPh sb="12" eb="14">
      <t>ギノウ</t>
    </rPh>
    <rPh sb="14" eb="16">
      <t>シケン</t>
    </rPh>
    <rPh sb="16" eb="18">
      <t>カツヨウ</t>
    </rPh>
    <rPh sb="18" eb="20">
      <t>ホウシキ</t>
    </rPh>
    <phoneticPr fontId="4"/>
  </si>
  <si>
    <t>○</t>
    <phoneticPr fontId="4"/>
  </si>
  <si>
    <t>○</t>
    <phoneticPr fontId="4"/>
  </si>
  <si>
    <t>３級：個別試験「英語」の得点に換算（24点）（個別試験「英語」の受験は必須、高得点の方を利用）
準２級以上：個別試験「英語」の得点に換算（32または40点）</t>
    <rPh sb="1" eb="2">
      <t>キュウ</t>
    </rPh>
    <rPh sb="3" eb="5">
      <t>コベツ</t>
    </rPh>
    <rPh sb="5" eb="7">
      <t>シケン</t>
    </rPh>
    <rPh sb="8" eb="10">
      <t>エイゴ</t>
    </rPh>
    <rPh sb="12" eb="14">
      <t>トクテン</t>
    </rPh>
    <rPh sb="15" eb="17">
      <t>カンサン</t>
    </rPh>
    <rPh sb="20" eb="21">
      <t>テン</t>
    </rPh>
    <rPh sb="28" eb="30">
      <t>エイゴ</t>
    </rPh>
    <rPh sb="32" eb="34">
      <t>ジュケン</t>
    </rPh>
    <rPh sb="35" eb="37">
      <t>ヒッス</t>
    </rPh>
    <rPh sb="38" eb="41">
      <t>コウトクテン</t>
    </rPh>
    <rPh sb="42" eb="43">
      <t>ホウ</t>
    </rPh>
    <rPh sb="44" eb="46">
      <t>リヨウ</t>
    </rPh>
    <rPh sb="48" eb="49">
      <t>ジュン</t>
    </rPh>
    <rPh sb="50" eb="51">
      <t>キュウ</t>
    </rPh>
    <rPh sb="51" eb="53">
      <t>イジョウ</t>
    </rPh>
    <rPh sb="54" eb="56">
      <t>コベツ</t>
    </rPh>
    <rPh sb="56" eb="58">
      <t>シケン</t>
    </rPh>
    <rPh sb="59" eb="61">
      <t>エイゴ</t>
    </rPh>
    <rPh sb="63" eb="65">
      <t>トクテン</t>
    </rPh>
    <rPh sb="66" eb="68">
      <t>カンサン</t>
    </rPh>
    <rPh sb="76" eb="77">
      <t>テン</t>
    </rPh>
    <phoneticPr fontId="1"/>
  </si>
  <si>
    <t>個別試験「英語」の得点に換算（70～100点）（受験した場合は高得点の方を利用）</t>
    <rPh sb="24" eb="26">
      <t>ジュケン</t>
    </rPh>
    <rPh sb="28" eb="30">
      <t>バアイ</t>
    </rPh>
    <rPh sb="31" eb="34">
      <t>コウトクテン</t>
    </rPh>
    <rPh sb="35" eb="36">
      <t>ホウ</t>
    </rPh>
    <rPh sb="37" eb="39">
      <t>リヨウ</t>
    </rPh>
    <phoneticPr fontId="4"/>
  </si>
  <si>
    <t>全学部（医療健康を除く）</t>
    <rPh sb="0" eb="3">
      <t>ゼンガクブ</t>
    </rPh>
    <rPh sb="4" eb="6">
      <t>イリョウ</t>
    </rPh>
    <rPh sb="6" eb="8">
      <t>ケンコウ</t>
    </rPh>
    <rPh sb="9" eb="10">
      <t>ノゾ</t>
    </rPh>
    <phoneticPr fontId="4"/>
  </si>
  <si>
    <t>全学部（歯を除く）</t>
    <rPh sb="0" eb="3">
      <t>ゼンガクブ</t>
    </rPh>
    <rPh sb="4" eb="5">
      <t>ハ</t>
    </rPh>
    <rPh sb="6" eb="7">
      <t>ノゾ</t>
    </rPh>
    <phoneticPr fontId="4"/>
  </si>
  <si>
    <t>全学部（医を除く）</t>
    <phoneticPr fontId="4"/>
  </si>
  <si>
    <t>全学部（神を除く）</t>
    <rPh sb="0" eb="3">
      <t>ゼンガクブ</t>
    </rPh>
    <rPh sb="4" eb="5">
      <t>カミ</t>
    </rPh>
    <rPh sb="6" eb="7">
      <t>ノゾ</t>
    </rPh>
    <phoneticPr fontId="4"/>
  </si>
  <si>
    <t>全学部（社会福祉（第二部）を除く）</t>
    <rPh sb="4" eb="6">
      <t>シャカイ</t>
    </rPh>
    <rPh sb="6" eb="8">
      <t>フクシ</t>
    </rPh>
    <rPh sb="9" eb="10">
      <t>ダイ</t>
    </rPh>
    <phoneticPr fontId="4"/>
  </si>
  <si>
    <t xml:space="preserve">TOEICはS&amp;Wのスコアを2.5倍にして合算
※リンガスキル（140）の利用可
</t>
    <rPh sb="17" eb="18">
      <t>バイ</t>
    </rPh>
    <rPh sb="21" eb="23">
      <t>ガッサン</t>
    </rPh>
    <phoneticPr fontId="4"/>
  </si>
  <si>
    <t>KET
※</t>
    <phoneticPr fontId="4"/>
  </si>
  <si>
    <t>PET
※</t>
    <phoneticPr fontId="4"/>
  </si>
  <si>
    <t xml:space="preserve">TOEICはS&amp;Wのスコアを2.5倍にして合算
※リンガスキル（153）の利用可
</t>
    <rPh sb="17" eb="18">
      <t>バイ</t>
    </rPh>
    <rPh sb="21" eb="23">
      <t>ガッサン</t>
    </rPh>
    <phoneticPr fontId="4"/>
  </si>
  <si>
    <t>150
※</t>
    <phoneticPr fontId="4"/>
  </si>
  <si>
    <t>一般選抜（Ａ日程）</t>
    <rPh sb="0" eb="2">
      <t>イッパン</t>
    </rPh>
    <rPh sb="2" eb="4">
      <t>センバツ</t>
    </rPh>
    <rPh sb="6" eb="8">
      <t>ニッテイ</t>
    </rPh>
    <phoneticPr fontId="4"/>
  </si>
  <si>
    <t>一般選抜（Ａ個別方式第１・２期）</t>
    <rPh sb="0" eb="2">
      <t>イッパン</t>
    </rPh>
    <rPh sb="2" eb="4">
      <t>センバツ</t>
    </rPh>
    <rPh sb="6" eb="8">
      <t>コベツ</t>
    </rPh>
    <rPh sb="8" eb="10">
      <t>ホウシキ</t>
    </rPh>
    <rPh sb="10" eb="11">
      <t>ダイ</t>
    </rPh>
    <rPh sb="14" eb="15">
      <t>キ</t>
    </rPh>
    <phoneticPr fontId="4"/>
  </si>
  <si>
    <t>一般選抜（個別学部日程Ｂ方式）</t>
    <rPh sb="0" eb="2">
      <t>イッパン</t>
    </rPh>
    <rPh sb="2" eb="4">
      <t>センバツ</t>
    </rPh>
    <rPh sb="5" eb="7">
      <t>コベツ</t>
    </rPh>
    <rPh sb="7" eb="9">
      <t>ガクブ</t>
    </rPh>
    <rPh sb="9" eb="11">
      <t>ニッテイ</t>
    </rPh>
    <rPh sb="12" eb="14">
      <t>ホウシキ</t>
    </rPh>
    <phoneticPr fontId="4"/>
  </si>
  <si>
    <t>一般選抜Ｂ日程（後期）</t>
    <rPh sb="0" eb="2">
      <t>イッパン</t>
    </rPh>
    <rPh sb="2" eb="4">
      <t>センバツ</t>
    </rPh>
    <rPh sb="5" eb="7">
      <t>ニッテイ</t>
    </rPh>
    <rPh sb="8" eb="10">
      <t>コウキ</t>
    </rPh>
    <phoneticPr fontId="4"/>
  </si>
  <si>
    <t>一般選抜（Ｂ日程）</t>
    <rPh sb="0" eb="2">
      <t>イッパン</t>
    </rPh>
    <rPh sb="2" eb="4">
      <t>センバツ</t>
    </rPh>
    <rPh sb="6" eb="8">
      <t>ニッテイ</t>
    </rPh>
    <phoneticPr fontId="4"/>
  </si>
  <si>
    <t>一般選抜（Ｃ日程入試方式２）</t>
    <rPh sb="0" eb="2">
      <t>イッパン</t>
    </rPh>
    <rPh sb="2" eb="4">
      <t>センバツ</t>
    </rPh>
    <rPh sb="6" eb="8">
      <t>ニッテイ</t>
    </rPh>
    <rPh sb="8" eb="10">
      <t>ニュウシ</t>
    </rPh>
    <rPh sb="10" eb="12">
      <t>ホウシキ</t>
    </rPh>
    <phoneticPr fontId="4"/>
  </si>
  <si>
    <t>個別試験「英語」の得点に換算（130～150点）</t>
    <rPh sb="0" eb="2">
      <t>コベツ</t>
    </rPh>
    <rPh sb="2" eb="4">
      <t>シケン</t>
    </rPh>
    <rPh sb="5" eb="7">
      <t>エイゴ</t>
    </rPh>
    <rPh sb="9" eb="11">
      <t>トクテン</t>
    </rPh>
    <rPh sb="12" eb="14">
      <t>カンザン</t>
    </rPh>
    <rPh sb="22" eb="23">
      <t>テン</t>
    </rPh>
    <phoneticPr fontId="4"/>
  </si>
  <si>
    <t>一般入試、共通テスト利用入試、スカラシップ入試</t>
    <rPh sb="0" eb="2">
      <t>イッパン</t>
    </rPh>
    <rPh sb="2" eb="4">
      <t>ニュウシ</t>
    </rPh>
    <rPh sb="5" eb="7">
      <t>キョウツウ</t>
    </rPh>
    <rPh sb="10" eb="12">
      <t>リヨウ</t>
    </rPh>
    <rPh sb="12" eb="14">
      <t>ニュウシ</t>
    </rPh>
    <rPh sb="21" eb="23">
      <t>ニュウシ</t>
    </rPh>
    <phoneticPr fontId="4"/>
  </si>
  <si>
    <t>総点に加点（最大20点）</t>
    <rPh sb="0" eb="2">
      <t>ソウテン</t>
    </rPh>
    <rPh sb="3" eb="5">
      <t>カテン</t>
    </rPh>
    <rPh sb="6" eb="8">
      <t>サイダイ</t>
    </rPh>
    <rPh sb="10" eb="11">
      <t>テン</t>
    </rPh>
    <phoneticPr fontId="4"/>
  </si>
  <si>
    <t>英語４技能利用型一般入試</t>
    <rPh sb="0" eb="2">
      <t>エイゴ</t>
    </rPh>
    <rPh sb="3" eb="5">
      <t>ギノウ</t>
    </rPh>
    <rPh sb="5" eb="8">
      <t>リヨウガタ</t>
    </rPh>
    <rPh sb="8" eb="10">
      <t>イッパン</t>
    </rPh>
    <rPh sb="10" eb="12">
      <t>ニュウシ</t>
    </rPh>
    <phoneticPr fontId="4"/>
  </si>
  <si>
    <t>個別試験「英語」の得点に換算（80～100％）
TOEICは他に技能ごとの基準あり</t>
    <rPh sb="0" eb="2">
      <t>コベツ</t>
    </rPh>
    <rPh sb="2" eb="4">
      <t>シケン</t>
    </rPh>
    <rPh sb="5" eb="7">
      <t>エイゴ</t>
    </rPh>
    <rPh sb="9" eb="11">
      <t>トクテン</t>
    </rPh>
    <rPh sb="12" eb="14">
      <t>カンサン</t>
    </rPh>
    <phoneticPr fontId="4"/>
  </si>
  <si>
    <t>個別試験または共通テスト「英語」の満点を上限に加点（10または15点）</t>
    <rPh sb="0" eb="4">
      <t>コベツシケン</t>
    </rPh>
    <rPh sb="7" eb="9">
      <t>キョウツウ</t>
    </rPh>
    <rPh sb="13" eb="15">
      <t>エイゴ</t>
    </rPh>
    <rPh sb="17" eb="19">
      <t>マンテン</t>
    </rPh>
    <rPh sb="20" eb="22">
      <t>ジョウゲン</t>
    </rPh>
    <rPh sb="23" eb="25">
      <t>カテン</t>
    </rPh>
    <rPh sb="33" eb="34">
      <t>テン</t>
    </rPh>
    <phoneticPr fontId="4"/>
  </si>
  <si>
    <t>個別試験または共通テスト「英語」の得点に換算（70～100点）（受験した場合は高得点の方を利用）
TOEICはS&amp;Wのスコアを2.5倍にして合算</t>
    <rPh sb="0" eb="2">
      <t>コベツ</t>
    </rPh>
    <rPh sb="2" eb="4">
      <t>シケン</t>
    </rPh>
    <rPh sb="29" eb="30">
      <t>テン</t>
    </rPh>
    <rPh sb="32" eb="34">
      <t>ジュケン</t>
    </rPh>
    <rPh sb="36" eb="38">
      <t>バアイ</t>
    </rPh>
    <rPh sb="39" eb="42">
      <t>コウトクテン</t>
    </rPh>
    <rPh sb="43" eb="44">
      <t>ホウ</t>
    </rPh>
    <rPh sb="45" eb="47">
      <t>リヨウ</t>
    </rPh>
    <phoneticPr fontId="4"/>
  </si>
  <si>
    <t>●</t>
    <phoneticPr fontId="4"/>
  </si>
  <si>
    <t>公益</t>
    <rPh sb="0" eb="2">
      <t>コウエキ</t>
    </rPh>
    <phoneticPr fontId="4"/>
  </si>
  <si>
    <t>一般選抜</t>
    <rPh sb="0" eb="2">
      <t>イッパン</t>
    </rPh>
    <rPh sb="2" eb="4">
      <t>センバツ</t>
    </rPh>
    <phoneticPr fontId="4"/>
  </si>
  <si>
    <t>2級</t>
    <rPh sb="1" eb="2">
      <t>キュウ</t>
    </rPh>
    <phoneticPr fontId="4"/>
  </si>
  <si>
    <t>一般選抜（Ａ・Ｂ日程）</t>
    <rPh sb="2" eb="4">
      <t>センバツ</t>
    </rPh>
    <phoneticPr fontId="4"/>
  </si>
  <si>
    <t>書類審査の得点に加点（５点）</t>
    <rPh sb="0" eb="2">
      <t>ショルイ</t>
    </rPh>
    <rPh sb="2" eb="4">
      <t>シンサ</t>
    </rPh>
    <rPh sb="5" eb="7">
      <t>トクテン</t>
    </rPh>
    <rPh sb="8" eb="10">
      <t>カテン</t>
    </rPh>
    <rPh sb="12" eb="13">
      <t>テン</t>
    </rPh>
    <phoneticPr fontId="4"/>
  </si>
  <si>
    <t>一般選抜（Ｃ日程）</t>
    <rPh sb="2" eb="4">
      <t>センバツ</t>
    </rPh>
    <phoneticPr fontId="4"/>
  </si>
  <si>
    <t>個別試験「英語」の得点に換算（80～100点）（受験した場合は高得点の方を利用）</t>
    <rPh sb="0" eb="4">
      <t>コベツシケン</t>
    </rPh>
    <rPh sb="5" eb="7">
      <t>エイゴ</t>
    </rPh>
    <rPh sb="9" eb="11">
      <t>トクテン</t>
    </rPh>
    <rPh sb="12" eb="14">
      <t>カンサン</t>
    </rPh>
    <rPh sb="21" eb="22">
      <t>テン</t>
    </rPh>
    <phoneticPr fontId="4"/>
  </si>
  <si>
    <t>人文</t>
    <rPh sb="0" eb="2">
      <t>ジンブン</t>
    </rPh>
    <phoneticPr fontId="4"/>
  </si>
  <si>
    <t>A2</t>
    <phoneticPr fontId="4"/>
  </si>
  <si>
    <t>A2</t>
    <phoneticPr fontId="4"/>
  </si>
  <si>
    <t>個別試験の得点に加点（最大10点）</t>
    <rPh sb="0" eb="2">
      <t>コベツ</t>
    </rPh>
    <rPh sb="2" eb="4">
      <t>シケン</t>
    </rPh>
    <rPh sb="5" eb="7">
      <t>トクテン</t>
    </rPh>
    <rPh sb="8" eb="10">
      <t>カテン</t>
    </rPh>
    <rPh sb="11" eb="13">
      <t>サイダイ</t>
    </rPh>
    <rPh sb="15" eb="16">
      <t>テン</t>
    </rPh>
    <phoneticPr fontId="4"/>
  </si>
  <si>
    <t>全学部</t>
    <rPh sb="0" eb="1">
      <t>ゼン</t>
    </rPh>
    <rPh sb="1" eb="3">
      <t>ガクブ</t>
    </rPh>
    <phoneticPr fontId="4"/>
  </si>
  <si>
    <t>一般選抜、大学入学共通テスト利用選抜</t>
    <rPh sb="0" eb="4">
      <t>イッパンセンバツ</t>
    </rPh>
    <rPh sb="5" eb="7">
      <t>ダイガク</t>
    </rPh>
    <rPh sb="7" eb="9">
      <t>ニュウガク</t>
    </rPh>
    <rPh sb="9" eb="11">
      <t>キョウツウ</t>
    </rPh>
    <rPh sb="14" eb="18">
      <t>リヨウセンバツ</t>
    </rPh>
    <phoneticPr fontId="4"/>
  </si>
  <si>
    <t>1075
CBT</t>
    <phoneticPr fontId="4"/>
  </si>
  <si>
    <t>個別試験または共通テストの満点を上限に加点（10または20点）
英検は準２級以上受検者が対象
TOEICはS&amp;Wのスコアを2.5倍にして合算</t>
    <rPh sb="0" eb="2">
      <t>コベツ</t>
    </rPh>
    <rPh sb="2" eb="4">
      <t>シケン</t>
    </rPh>
    <rPh sb="7" eb="9">
      <t>キョウツウ</t>
    </rPh>
    <rPh sb="13" eb="15">
      <t>マンテン</t>
    </rPh>
    <rPh sb="16" eb="18">
      <t>ジョウゲン</t>
    </rPh>
    <rPh sb="18" eb="19">
      <t>ガッテン</t>
    </rPh>
    <rPh sb="19" eb="21">
      <t>カテン</t>
    </rPh>
    <rPh sb="29" eb="30">
      <t>テン</t>
    </rPh>
    <phoneticPr fontId="4"/>
  </si>
  <si>
    <t>危機管理（航空－パイロット）</t>
    <rPh sb="0" eb="2">
      <t>キキ</t>
    </rPh>
    <rPh sb="2" eb="4">
      <t>カンリ</t>
    </rPh>
    <rPh sb="5" eb="7">
      <t>コウクウ</t>
    </rPh>
    <phoneticPr fontId="4"/>
  </si>
  <si>
    <t>一般選抜Ｂ方式</t>
    <rPh sb="0" eb="2">
      <t>イッパン</t>
    </rPh>
    <rPh sb="5" eb="7">
      <t>ホウシキ</t>
    </rPh>
    <phoneticPr fontId="4"/>
  </si>
  <si>
    <t>一般選抜、共通テスト利用選抜、一般・共通テスト併用型選抜</t>
    <rPh sb="0" eb="2">
      <t>イッパン</t>
    </rPh>
    <rPh sb="2" eb="4">
      <t>センバツ</t>
    </rPh>
    <rPh sb="5" eb="7">
      <t>キョウツウ</t>
    </rPh>
    <rPh sb="10" eb="12">
      <t>リヨウ</t>
    </rPh>
    <rPh sb="12" eb="14">
      <t>センバツ</t>
    </rPh>
    <rPh sb="15" eb="17">
      <t>イッパン</t>
    </rPh>
    <rPh sb="18" eb="20">
      <t>キョウツウ</t>
    </rPh>
    <rPh sb="23" eb="26">
      <t>ヘイヨウガタ</t>
    </rPh>
    <rPh sb="26" eb="28">
      <t>センバツ</t>
    </rPh>
    <phoneticPr fontId="4"/>
  </si>
  <si>
    <t>一般選抜（グローバル方式）</t>
    <rPh sb="0" eb="2">
      <t>イッパン</t>
    </rPh>
    <rPh sb="2" eb="4">
      <t>センバツ</t>
    </rPh>
    <rPh sb="10" eb="12">
      <t>ホウシキ</t>
    </rPh>
    <phoneticPr fontId="4"/>
  </si>
  <si>
    <t>一般選抜（グローバル人材育成選抜）</t>
    <rPh sb="0" eb="4">
      <t>イッパンセンバツ</t>
    </rPh>
    <rPh sb="10" eb="12">
      <t>ジンザイ</t>
    </rPh>
    <rPh sb="12" eb="14">
      <t>イクセイ</t>
    </rPh>
    <rPh sb="14" eb="16">
      <t>センバツ</t>
    </rPh>
    <phoneticPr fontId="4"/>
  </si>
  <si>
    <t>個別試験「英語」の得点（80点）または共通テスト「英語」の得点（160点）に換算（受験した場合は高得点の方を利用）</t>
    <rPh sb="0" eb="4">
      <t>コベツシケン</t>
    </rPh>
    <rPh sb="9" eb="11">
      <t>トクテン</t>
    </rPh>
    <rPh sb="14" eb="15">
      <t>テン</t>
    </rPh>
    <rPh sb="19" eb="21">
      <t>キョウツウ</t>
    </rPh>
    <rPh sb="25" eb="27">
      <t>エイゴ</t>
    </rPh>
    <rPh sb="29" eb="31">
      <t>トクテン</t>
    </rPh>
    <rPh sb="35" eb="36">
      <t>テン</t>
    </rPh>
    <rPh sb="38" eb="40">
      <t>カンザン</t>
    </rPh>
    <rPh sb="41" eb="43">
      <t>ジュケン</t>
    </rPh>
    <rPh sb="45" eb="47">
      <t>バアイ</t>
    </rPh>
    <rPh sb="48" eb="51">
      <t>コウトクテン</t>
    </rPh>
    <rPh sb="52" eb="53">
      <t>ホウ</t>
    </rPh>
    <rPh sb="54" eb="56">
      <t>リヨウ</t>
    </rPh>
    <phoneticPr fontId="4"/>
  </si>
  <si>
    <r>
      <t>GTEC</t>
    </r>
    <r>
      <rPr>
        <vertAlign val="superscript"/>
        <sz val="8"/>
        <rFont val="Meiryo UI"/>
        <family val="3"/>
        <charset val="128"/>
      </rPr>
      <t>®</t>
    </r>
    <phoneticPr fontId="5"/>
  </si>
  <si>
    <t>デザイン工、理工（機械－航空操縦学を除く）、情報科学</t>
    <rPh sb="4" eb="5">
      <t>コウ</t>
    </rPh>
    <rPh sb="6" eb="8">
      <t>リコウ</t>
    </rPh>
    <rPh sb="18" eb="19">
      <t>ノゾ</t>
    </rPh>
    <rPh sb="22" eb="24">
      <t>ジョウホウ</t>
    </rPh>
    <rPh sb="24" eb="26">
      <t>カガク</t>
    </rPh>
    <phoneticPr fontId="4"/>
  </si>
  <si>
    <t>2級</t>
    <rPh sb="1" eb="2">
      <t>キュウ</t>
    </rPh>
    <phoneticPr fontId="4"/>
  </si>
  <si>
    <t>910
Ad
CBT</t>
    <phoneticPr fontId="4"/>
  </si>
  <si>
    <t>二松学舎</t>
    <phoneticPr fontId="4"/>
  </si>
  <si>
    <t>鎮西学院</t>
    <phoneticPr fontId="4"/>
  </si>
  <si>
    <t>松本看護</t>
    <rPh sb="0" eb="2">
      <t>マツモト</t>
    </rPh>
    <rPh sb="2" eb="4">
      <t>カンゴ</t>
    </rPh>
    <phoneticPr fontId="4"/>
  </si>
  <si>
    <t>準2級</t>
    <rPh sb="0" eb="1">
      <t>ジュン</t>
    </rPh>
    <rPh sb="2" eb="3">
      <t>キュウ</t>
    </rPh>
    <phoneticPr fontId="4"/>
  </si>
  <si>
    <t>スポーツ</t>
    <phoneticPr fontId="4"/>
  </si>
  <si>
    <t>PET
140</t>
    <phoneticPr fontId="4"/>
  </si>
  <si>
    <t>全学部</t>
    <rPh sb="2" eb="3">
      <t>ブ</t>
    </rPh>
    <phoneticPr fontId="4"/>
  </si>
  <si>
    <t>一般選抜（英語民間試験活用総合評価型）</t>
    <rPh sb="0" eb="4">
      <t>イッパンセンバツ</t>
    </rPh>
    <rPh sb="5" eb="7">
      <t>エイゴ</t>
    </rPh>
    <rPh sb="7" eb="9">
      <t>ミンカン</t>
    </rPh>
    <rPh sb="9" eb="11">
      <t>シケン</t>
    </rPh>
    <rPh sb="11" eb="13">
      <t>カツヨウ</t>
    </rPh>
    <rPh sb="13" eb="15">
      <t>ソウゴウ</t>
    </rPh>
    <rPh sb="15" eb="18">
      <t>ヒョウカガタ</t>
    </rPh>
    <phoneticPr fontId="4"/>
  </si>
  <si>
    <t>準1級</t>
    <phoneticPr fontId="4"/>
  </si>
  <si>
    <t>3級</t>
    <phoneticPr fontId="4"/>
  </si>
  <si>
    <t>準2級</t>
    <phoneticPr fontId="4"/>
  </si>
  <si>
    <t>個別試験「外国語」または共通テスト「英語」の得点に換算（70～90％）（受験した場合は高得点の方を利用）
英検は２級以上受検者が対象</t>
    <rPh sb="0" eb="2">
      <t>コベツ</t>
    </rPh>
    <rPh sb="2" eb="4">
      <t>シケン</t>
    </rPh>
    <rPh sb="5" eb="8">
      <t>ガイコクゴ</t>
    </rPh>
    <rPh sb="12" eb="14">
      <t>キョウツウ</t>
    </rPh>
    <rPh sb="18" eb="20">
      <t>エイゴ</t>
    </rPh>
    <rPh sb="22" eb="24">
      <t>トクテン</t>
    </rPh>
    <rPh sb="25" eb="27">
      <t>カンサン</t>
    </rPh>
    <rPh sb="36" eb="38">
      <t>ジュケン</t>
    </rPh>
    <rPh sb="40" eb="42">
      <t>バアイ</t>
    </rPh>
    <rPh sb="43" eb="46">
      <t>コウトクテン</t>
    </rPh>
    <rPh sb="47" eb="48">
      <t>ホウ</t>
    </rPh>
    <rPh sb="49" eb="51">
      <t>リヨウ</t>
    </rPh>
    <phoneticPr fontId="4"/>
  </si>
  <si>
    <t>○
※</t>
    <phoneticPr fontId="4"/>
  </si>
  <si>
    <t>個別試験または共通テストの総点に加点（５点）（大学が別途定めるスコアを満たす場合は、個別試験または共通テスト「英語」の得点を満点とみなす）</t>
    <rPh sb="0" eb="2">
      <t>コベツ</t>
    </rPh>
    <rPh sb="2" eb="4">
      <t>シケン</t>
    </rPh>
    <rPh sb="7" eb="9">
      <t>キョウツウ</t>
    </rPh>
    <rPh sb="13" eb="15">
      <t>ソウテン</t>
    </rPh>
    <rPh sb="16" eb="18">
      <t>カテン</t>
    </rPh>
    <rPh sb="20" eb="21">
      <t>テン</t>
    </rPh>
    <rPh sb="23" eb="25">
      <t>ダイガク</t>
    </rPh>
    <rPh sb="26" eb="28">
      <t>ベット</t>
    </rPh>
    <rPh sb="28" eb="29">
      <t>サダ</t>
    </rPh>
    <rPh sb="35" eb="36">
      <t>ミ</t>
    </rPh>
    <rPh sb="38" eb="40">
      <t>バアイ</t>
    </rPh>
    <rPh sb="42" eb="46">
      <t>コベツシケン</t>
    </rPh>
    <rPh sb="49" eb="51">
      <t>キョウツウ</t>
    </rPh>
    <rPh sb="55" eb="57">
      <t>エイゴ</t>
    </rPh>
    <rPh sb="59" eb="61">
      <t>トクテン</t>
    </rPh>
    <rPh sb="62" eb="64">
      <t>マンテン</t>
    </rPh>
    <phoneticPr fontId="25"/>
  </si>
  <si>
    <t>一般入試（前期、共通テストプラス型）</t>
    <rPh sb="0" eb="2">
      <t>イッパン</t>
    </rPh>
    <rPh sb="2" eb="4">
      <t>ニュウシ</t>
    </rPh>
    <rPh sb="5" eb="7">
      <t>ゼンキ</t>
    </rPh>
    <rPh sb="8" eb="10">
      <t>キョウツウ</t>
    </rPh>
    <rPh sb="16" eb="17">
      <t>ガタ</t>
    </rPh>
    <phoneticPr fontId="4"/>
  </si>
  <si>
    <t>大阪公立</t>
    <rPh sb="2" eb="4">
      <t>コウリツ</t>
    </rPh>
    <phoneticPr fontId="4"/>
  </si>
  <si>
    <t>育英館</t>
    <phoneticPr fontId="4"/>
  </si>
  <si>
    <t>A1</t>
    <phoneticPr fontId="4"/>
  </si>
  <si>
    <t>2級
1980</t>
    <rPh sb="1" eb="2">
      <t>キュウ</t>
    </rPh>
    <phoneticPr fontId="18"/>
  </si>
  <si>
    <t>125
※</t>
    <phoneticPr fontId="18"/>
  </si>
  <si>
    <t>食料産業</t>
    <rPh sb="0" eb="2">
      <t>ショクリョウ</t>
    </rPh>
    <rPh sb="2" eb="4">
      <t>サンギョウ</t>
    </rPh>
    <phoneticPr fontId="4"/>
  </si>
  <si>
    <t>個別試験「英語」の得点に換算（175～200点）</t>
    <rPh sb="0" eb="2">
      <t>コベツ</t>
    </rPh>
    <rPh sb="2" eb="4">
      <t>シケン</t>
    </rPh>
    <rPh sb="5" eb="7">
      <t>エイゴ</t>
    </rPh>
    <rPh sb="9" eb="11">
      <t>トクテン</t>
    </rPh>
    <rPh sb="12" eb="14">
      <t>カンザン</t>
    </rPh>
    <rPh sb="22" eb="23">
      <t>テン</t>
    </rPh>
    <phoneticPr fontId="4"/>
  </si>
  <si>
    <t>一般選抜（前期Ｂ日程）</t>
    <rPh sb="0" eb="2">
      <t>イッパン</t>
    </rPh>
    <rPh sb="2" eb="4">
      <t>センバツ</t>
    </rPh>
    <rPh sb="5" eb="7">
      <t>ゼンキ</t>
    </rPh>
    <rPh sb="8" eb="10">
      <t>ニッテイ</t>
    </rPh>
    <phoneticPr fontId="4"/>
  </si>
  <si>
    <t>個別試験「英語」の得点に換算（80～100点）（受験した場合は高得点の方を利用）</t>
    <rPh sb="0" eb="2">
      <t>コベツ</t>
    </rPh>
    <rPh sb="2" eb="4">
      <t>シケン</t>
    </rPh>
    <rPh sb="9" eb="11">
      <t>トクテン</t>
    </rPh>
    <rPh sb="12" eb="14">
      <t>カンザン</t>
    </rPh>
    <rPh sb="21" eb="22">
      <t>テン</t>
    </rPh>
    <phoneticPr fontId="4"/>
  </si>
  <si>
    <t>大学入学共通テスト利用型</t>
    <rPh sb="0" eb="2">
      <t>ダイガク</t>
    </rPh>
    <rPh sb="2" eb="4">
      <t>ニュウガク</t>
    </rPh>
    <rPh sb="4" eb="6">
      <t>キョウツウ</t>
    </rPh>
    <rPh sb="9" eb="11">
      <t>リヨウ</t>
    </rPh>
    <rPh sb="11" eb="12">
      <t>カタ</t>
    </rPh>
    <phoneticPr fontId="4"/>
  </si>
  <si>
    <t>英語外部試験利用方式</t>
    <rPh sb="0" eb="2">
      <t>エイゴ</t>
    </rPh>
    <rPh sb="2" eb="4">
      <t>ガイブ</t>
    </rPh>
    <rPh sb="4" eb="6">
      <t>シケン</t>
    </rPh>
    <rPh sb="6" eb="8">
      <t>リヨウ</t>
    </rPh>
    <rPh sb="8" eb="10">
      <t>ホウシキ</t>
    </rPh>
    <phoneticPr fontId="4"/>
  </si>
  <si>
    <t>活動報告書の中で審査する</t>
    <rPh sb="0" eb="2">
      <t>カツドウ</t>
    </rPh>
    <rPh sb="2" eb="5">
      <t>ホウコクショ</t>
    </rPh>
    <rPh sb="6" eb="7">
      <t>ナカ</t>
    </rPh>
    <rPh sb="8" eb="10">
      <t>シンサ</t>
    </rPh>
    <phoneticPr fontId="4"/>
  </si>
  <si>
    <t>富山国際</t>
    <rPh sb="0" eb="2">
      <t>トヤマ</t>
    </rPh>
    <rPh sb="2" eb="4">
      <t>コクサイ</t>
    </rPh>
    <phoneticPr fontId="4"/>
  </si>
  <si>
    <t>全学部</t>
    <phoneticPr fontId="4"/>
  </si>
  <si>
    <t>活動報告書の得点に加点（５～15点）
TOEICはS&amp;Wのスコアを2.5倍にして合算</t>
    <rPh sb="6" eb="8">
      <t>トクテン</t>
    </rPh>
    <rPh sb="9" eb="11">
      <t>カテン</t>
    </rPh>
    <rPh sb="16" eb="17">
      <t>テン</t>
    </rPh>
    <phoneticPr fontId="4"/>
  </si>
  <si>
    <t>人文科学</t>
    <rPh sb="0" eb="2">
      <t>ジンブン</t>
    </rPh>
    <rPh sb="2" eb="4">
      <t>カガク</t>
    </rPh>
    <phoneticPr fontId="1"/>
  </si>
  <si>
    <t>神戸国際</t>
    <phoneticPr fontId="4"/>
  </si>
  <si>
    <t>個別試験「英語」の得点に換算（75～95点）（個別試験「英語」の受験は必須、高得点の方を利用）
英検は２級以上の受検者で1700以上も利用可</t>
    <rPh sb="0" eb="2">
      <t>コベツ</t>
    </rPh>
    <rPh sb="2" eb="4">
      <t>シケン</t>
    </rPh>
    <rPh sb="5" eb="7">
      <t>エイゴ</t>
    </rPh>
    <rPh sb="9" eb="11">
      <t>トクテン</t>
    </rPh>
    <rPh sb="12" eb="14">
      <t>カンサン</t>
    </rPh>
    <rPh sb="20" eb="21">
      <t>テン</t>
    </rPh>
    <rPh sb="23" eb="27">
      <t>コベツシケン</t>
    </rPh>
    <rPh sb="28" eb="30">
      <t>エイゴ</t>
    </rPh>
    <rPh sb="32" eb="34">
      <t>ジュケン</t>
    </rPh>
    <rPh sb="35" eb="37">
      <t>ヒッス</t>
    </rPh>
    <rPh sb="38" eb="41">
      <t>コウトクテン</t>
    </rPh>
    <rPh sb="42" eb="43">
      <t>ホウ</t>
    </rPh>
    <rPh sb="44" eb="46">
      <t>リヨウ</t>
    </rPh>
    <rPh sb="48" eb="50">
      <t>エイケン</t>
    </rPh>
    <rPh sb="52" eb="53">
      <t>キュウ</t>
    </rPh>
    <rPh sb="53" eb="55">
      <t>イジョウ</t>
    </rPh>
    <rPh sb="56" eb="59">
      <t>ジュケンシャ</t>
    </rPh>
    <rPh sb="64" eb="66">
      <t>イジョウ</t>
    </rPh>
    <rPh sb="67" eb="69">
      <t>リヨウ</t>
    </rPh>
    <rPh sb="69" eb="70">
      <t>カ</t>
    </rPh>
    <phoneticPr fontId="4"/>
  </si>
  <si>
    <t>一般選抜（英語４技能テスト利用方式）</t>
    <rPh sb="2" eb="4">
      <t>センバツ</t>
    </rPh>
    <rPh sb="15" eb="17">
      <t>ホウシキ</t>
    </rPh>
    <phoneticPr fontId="4"/>
  </si>
  <si>
    <t>他に技能ごとの基準あり
ケンブリッジ英語検定はFCE,CAE,CPEが対象</t>
    <rPh sb="0" eb="1">
      <t>タ</t>
    </rPh>
    <rPh sb="2" eb="4">
      <t>ギノウ</t>
    </rPh>
    <rPh sb="7" eb="9">
      <t>キジュン</t>
    </rPh>
    <rPh sb="18" eb="22">
      <t>エイゴケンテイ</t>
    </rPh>
    <rPh sb="35" eb="37">
      <t>タイショウ</t>
    </rPh>
    <phoneticPr fontId="4"/>
  </si>
  <si>
    <t>2級
2050</t>
    <rPh sb="1" eb="2">
      <t>キュウ</t>
    </rPh>
    <phoneticPr fontId="4"/>
  </si>
  <si>
    <t>子ども教育</t>
    <rPh sb="0" eb="1">
      <t>コ</t>
    </rPh>
    <rPh sb="3" eb="5">
      <t>キョウイク</t>
    </rPh>
    <phoneticPr fontId="4"/>
  </si>
  <si>
    <t>100
※</t>
    <phoneticPr fontId="4"/>
  </si>
  <si>
    <t>個別試験の得点に加点（最大100点）
TOEICはS&amp;Wのスコアを2.5倍にして合算
※リンガスキル（100）の利用可</t>
    <rPh sb="8" eb="10">
      <t>カテン</t>
    </rPh>
    <rPh sb="11" eb="13">
      <t>サイダイ</t>
    </rPh>
    <rPh sb="16" eb="17">
      <t>テン</t>
    </rPh>
    <rPh sb="56" eb="58">
      <t>リヨウ</t>
    </rPh>
    <rPh sb="58" eb="59">
      <t>カ</t>
    </rPh>
    <phoneticPr fontId="4"/>
  </si>
  <si>
    <t>準1級
2500</t>
    <rPh sb="0" eb="1">
      <t>ジュン</t>
    </rPh>
    <rPh sb="2" eb="3">
      <t>キュウ</t>
    </rPh>
    <phoneticPr fontId="4"/>
  </si>
  <si>
    <t>一般選抜（後期）</t>
    <rPh sb="0" eb="2">
      <t>イッパン</t>
    </rPh>
    <rPh sb="2" eb="4">
      <t>センバツ</t>
    </rPh>
    <rPh sb="5" eb="7">
      <t>コウキ</t>
    </rPh>
    <phoneticPr fontId="4"/>
  </si>
  <si>
    <t>「小論文」の満点を上限に加点（10または20点）</t>
    <rPh sb="1" eb="4">
      <t>ショウロンブン</t>
    </rPh>
    <rPh sb="6" eb="8">
      <t>マンテン</t>
    </rPh>
    <rPh sb="9" eb="11">
      <t>ジョウゲン</t>
    </rPh>
    <rPh sb="12" eb="14">
      <t>カテン</t>
    </rPh>
    <rPh sb="22" eb="23">
      <t>テン</t>
    </rPh>
    <phoneticPr fontId="4"/>
  </si>
  <si>
    <t>共通テスト「英語」の満点を上限に加点（20または40点）</t>
    <rPh sb="0" eb="2">
      <t>キョウツウ</t>
    </rPh>
    <rPh sb="6" eb="8">
      <t>エイゴ</t>
    </rPh>
    <rPh sb="10" eb="12">
      <t>マンテン</t>
    </rPh>
    <phoneticPr fontId="4"/>
  </si>
  <si>
    <t>個別試験「英語」の得点に換算（70～95点）（受験した場合は高得点の方を利用）</t>
    <phoneticPr fontId="25"/>
  </si>
  <si>
    <t>共通テスト利用入試（英語４技能プラス）</t>
    <rPh sb="0" eb="2">
      <t>キョウツウ</t>
    </rPh>
    <rPh sb="5" eb="7">
      <t>リヨウ</t>
    </rPh>
    <rPh sb="7" eb="9">
      <t>ニュウシ</t>
    </rPh>
    <rPh sb="10" eb="12">
      <t>エイゴ</t>
    </rPh>
    <rPh sb="13" eb="15">
      <t>ギノウ</t>
    </rPh>
    <phoneticPr fontId="4"/>
  </si>
  <si>
    <t xml:space="preserve">一般選抜（グローバル人材育成奨学生選抜）
</t>
    <rPh sb="2" eb="4">
      <t>センバツ</t>
    </rPh>
    <phoneticPr fontId="4"/>
  </si>
  <si>
    <t>全学部</t>
    <rPh sb="0" eb="3">
      <t>ゼンガクブ</t>
    </rPh>
    <phoneticPr fontId="4"/>
  </si>
  <si>
    <t>一般選抜</t>
    <rPh sb="0" eb="2">
      <t>イッパン</t>
    </rPh>
    <rPh sb="2" eb="4">
      <t>センバツ</t>
    </rPh>
    <phoneticPr fontId="4"/>
  </si>
  <si>
    <t>個別試験「英語」の得点を75点に換算（受験した場合は高得点の方を利用）</t>
    <rPh sb="0" eb="2">
      <t>コベツ</t>
    </rPh>
    <rPh sb="2" eb="4">
      <t>シケン</t>
    </rPh>
    <rPh sb="5" eb="7">
      <t>エイゴ</t>
    </rPh>
    <rPh sb="9" eb="11">
      <t>トクテン</t>
    </rPh>
    <rPh sb="14" eb="15">
      <t>テン</t>
    </rPh>
    <rPh sb="16" eb="18">
      <t>カンサン</t>
    </rPh>
    <rPh sb="19" eb="21">
      <t>ジュケン</t>
    </rPh>
    <rPh sb="23" eb="25">
      <t>バアイ</t>
    </rPh>
    <rPh sb="26" eb="29">
      <t>コウトクテン</t>
    </rPh>
    <rPh sb="30" eb="31">
      <t>ホウ</t>
    </rPh>
    <rPh sb="32" eb="34">
      <t>リヨウ</t>
    </rPh>
    <phoneticPr fontId="4"/>
  </si>
  <si>
    <t>個別試験「英語」の得点に換算（160または190点）（受験した場合は高得点の方を利用）</t>
    <rPh sb="0" eb="2">
      <t>コベツ</t>
    </rPh>
    <rPh sb="2" eb="4">
      <t>シケン</t>
    </rPh>
    <rPh sb="5" eb="7">
      <t>エイゴ</t>
    </rPh>
    <rPh sb="9" eb="11">
      <t>トクテン</t>
    </rPh>
    <rPh sb="12" eb="14">
      <t>カンサン</t>
    </rPh>
    <rPh sb="24" eb="25">
      <t>テン</t>
    </rPh>
    <rPh sb="27" eb="29">
      <t>ジュケン</t>
    </rPh>
    <rPh sb="31" eb="33">
      <t>バアイ</t>
    </rPh>
    <rPh sb="34" eb="37">
      <t>コウトクテン</t>
    </rPh>
    <rPh sb="38" eb="39">
      <t>ホウ</t>
    </rPh>
    <rPh sb="40" eb="42">
      <t>リヨウ</t>
    </rPh>
    <phoneticPr fontId="4"/>
  </si>
  <si>
    <t>理工（数学・情報工を除く）</t>
    <rPh sb="0" eb="2">
      <t>リコウ</t>
    </rPh>
    <rPh sb="3" eb="5">
      <t>スウガク</t>
    </rPh>
    <rPh sb="6" eb="8">
      <t>ジョウホウ</t>
    </rPh>
    <rPh sb="8" eb="9">
      <t>コウ</t>
    </rPh>
    <rPh sb="10" eb="11">
      <t>ノゾ</t>
    </rPh>
    <phoneticPr fontId="4"/>
  </si>
  <si>
    <t>理工（数学・情報工）</t>
    <rPh sb="0" eb="2">
      <t>リコウ</t>
    </rPh>
    <rPh sb="3" eb="5">
      <t>スウガク</t>
    </rPh>
    <rPh sb="6" eb="8">
      <t>ジョウホウ</t>
    </rPh>
    <rPh sb="8" eb="9">
      <t>コウ</t>
    </rPh>
    <phoneticPr fontId="4"/>
  </si>
  <si>
    <t>個別試験「英語」の得点に換算（70～100点）（受験した場合は高得点の方を利用）</t>
    <rPh sb="0" eb="4">
      <t>コベツシケン</t>
    </rPh>
    <rPh sb="5" eb="7">
      <t>エイゴ</t>
    </rPh>
    <rPh sb="9" eb="11">
      <t>トクテン</t>
    </rPh>
    <rPh sb="12" eb="14">
      <t>カンサン</t>
    </rPh>
    <rPh sb="21" eb="22">
      <t>テン</t>
    </rPh>
    <phoneticPr fontId="4"/>
  </si>
  <si>
    <t>一般選抜（一般選抜型、英語面接利用型）</t>
    <rPh sb="2" eb="4">
      <t>センバツ</t>
    </rPh>
    <rPh sb="11" eb="13">
      <t>エイゴ</t>
    </rPh>
    <rPh sb="13" eb="15">
      <t>メンセツ</t>
    </rPh>
    <rPh sb="15" eb="18">
      <t>リヨウガタ</t>
    </rPh>
    <phoneticPr fontId="4"/>
  </si>
  <si>
    <t>個別試験の得点に加点（60～100点）</t>
    <rPh sb="0" eb="2">
      <t>コベツ</t>
    </rPh>
    <rPh sb="2" eb="4">
      <t>シケン</t>
    </rPh>
    <rPh sb="5" eb="7">
      <t>トクテン</t>
    </rPh>
    <rPh sb="8" eb="10">
      <t>カテン</t>
    </rPh>
    <rPh sb="17" eb="18">
      <t>テン</t>
    </rPh>
    <phoneticPr fontId="4"/>
  </si>
  <si>
    <t>個別試験の得点に加点（70～100点）</t>
    <rPh sb="0" eb="2">
      <t>コベツ</t>
    </rPh>
    <rPh sb="2" eb="4">
      <t>シケン</t>
    </rPh>
    <rPh sb="5" eb="7">
      <t>トクテン</t>
    </rPh>
    <rPh sb="8" eb="10">
      <t>カテン</t>
    </rPh>
    <rPh sb="17" eb="18">
      <t>テン</t>
    </rPh>
    <phoneticPr fontId="4"/>
  </si>
  <si>
    <t>共通テスト「英語」の得点に換算（満点の９割）（共通テスト「英語」の受験は必須、高得点の方を利用）</t>
    <rPh sb="6" eb="8">
      <t>エイゴ</t>
    </rPh>
    <rPh sb="10" eb="12">
      <t>トクテン</t>
    </rPh>
    <rPh sb="13" eb="15">
      <t>カンサン</t>
    </rPh>
    <rPh sb="16" eb="18">
      <t>マンテン</t>
    </rPh>
    <rPh sb="20" eb="21">
      <t>ワリ</t>
    </rPh>
    <rPh sb="39" eb="42">
      <t>コウトクテン</t>
    </rPh>
    <rPh sb="43" eb="44">
      <t>ホウ</t>
    </rPh>
    <rPh sb="45" eb="47">
      <t>リヨウ</t>
    </rPh>
    <phoneticPr fontId="4"/>
  </si>
  <si>
    <t>900
Ad
Ba
CBT</t>
    <phoneticPr fontId="4"/>
  </si>
  <si>
    <t>個別試験「英語」の得点（50～100点）または共通テスト「英語」の得点（100～200点）に換算（受験した場合は高得点の方を利用）
英検は準２級以上受検者が対象</t>
    <rPh sb="5" eb="7">
      <t>エイゴ</t>
    </rPh>
    <rPh sb="9" eb="11">
      <t>トクテン</t>
    </rPh>
    <rPh sb="18" eb="19">
      <t>テン</t>
    </rPh>
    <rPh sb="43" eb="44">
      <t>テン</t>
    </rPh>
    <rPh sb="46" eb="48">
      <t>カンサン</t>
    </rPh>
    <rPh sb="49" eb="51">
      <t>ジュケン</t>
    </rPh>
    <rPh sb="53" eb="55">
      <t>バアイ</t>
    </rPh>
    <rPh sb="69" eb="70">
      <t>ジュン</t>
    </rPh>
    <phoneticPr fontId="4"/>
  </si>
  <si>
    <t>Ａ１以上の成績で調査書の得点に加点（10～20点）
利用対象試験は未判明</t>
    <rPh sb="2" eb="4">
      <t>イジョウ</t>
    </rPh>
    <rPh sb="5" eb="7">
      <t>セイセキ</t>
    </rPh>
    <rPh sb="8" eb="11">
      <t>チョウサショ</t>
    </rPh>
    <rPh sb="12" eb="14">
      <t>トクテン</t>
    </rPh>
    <rPh sb="15" eb="17">
      <t>カテン</t>
    </rPh>
    <rPh sb="23" eb="24">
      <t>テン</t>
    </rPh>
    <rPh sb="26" eb="28">
      <t>リヨウ</t>
    </rPh>
    <rPh sb="28" eb="30">
      <t>タイショウ</t>
    </rPh>
    <rPh sb="30" eb="32">
      <t>シケン</t>
    </rPh>
    <rPh sb="33" eb="36">
      <t>ミハンメイ</t>
    </rPh>
    <phoneticPr fontId="4"/>
  </si>
  <si>
    <t>一般選抜（英語外部試験利用日程）</t>
    <rPh sb="0" eb="2">
      <t>イッパン</t>
    </rPh>
    <rPh sb="2" eb="4">
      <t>センバツ</t>
    </rPh>
    <rPh sb="5" eb="7">
      <t>エイゴ</t>
    </rPh>
    <rPh sb="7" eb="9">
      <t>ガイブ</t>
    </rPh>
    <rPh sb="9" eb="11">
      <t>シケン</t>
    </rPh>
    <rPh sb="11" eb="13">
      <t>リヨウ</t>
    </rPh>
    <rPh sb="13" eb="15">
      <t>ニッテイ</t>
    </rPh>
    <phoneticPr fontId="4"/>
  </si>
  <si>
    <t>一般選抜、共通テスト利用</t>
    <rPh sb="0" eb="2">
      <t>イッパン</t>
    </rPh>
    <rPh sb="2" eb="4">
      <t>センバツ</t>
    </rPh>
    <rPh sb="5" eb="7">
      <t>キョウツウ</t>
    </rPh>
    <rPh sb="10" eb="12">
      <t>リヨウ</t>
    </rPh>
    <phoneticPr fontId="4"/>
  </si>
  <si>
    <t>一般選抜（Ａ方式、Ｂ方式）</t>
    <rPh sb="2" eb="4">
      <t>センバツ</t>
    </rPh>
    <rPh sb="6" eb="8">
      <t>ホウシキ</t>
    </rPh>
    <rPh sb="10" eb="12">
      <t>ホウシキ</t>
    </rPh>
    <phoneticPr fontId="4"/>
  </si>
  <si>
    <t>一般選抜、大学入学共通テスト利用方式</t>
    <rPh sb="2" eb="4">
      <t>センバツ</t>
    </rPh>
    <rPh sb="5" eb="7">
      <t>ダイガク</t>
    </rPh>
    <rPh sb="7" eb="9">
      <t>ニュウガク</t>
    </rPh>
    <rPh sb="14" eb="16">
      <t>リヨウ</t>
    </rPh>
    <rPh sb="16" eb="18">
      <t>ホウシキ</t>
    </rPh>
    <phoneticPr fontId="4"/>
  </si>
  <si>
    <t>一般入試（前期）、共通テスト利用入試（前期）</t>
    <rPh sb="2" eb="4">
      <t>ニュウシ</t>
    </rPh>
    <rPh sb="5" eb="7">
      <t>ゼンキ</t>
    </rPh>
    <phoneticPr fontId="21"/>
  </si>
  <si>
    <t>個別試験「英語」の得点（80～100点）または共通テスト「英語」の得点（160～200点）に換算（受験した場合は高得点の方を利用）
英検は２級以上受検者が対象（一次試験のみでも可）</t>
    <rPh sb="0" eb="2">
      <t>コベツ</t>
    </rPh>
    <rPh sb="2" eb="4">
      <t>シケン</t>
    </rPh>
    <rPh sb="5" eb="7">
      <t>エイゴ</t>
    </rPh>
    <rPh sb="9" eb="11">
      <t>トクテン</t>
    </rPh>
    <rPh sb="18" eb="19">
      <t>テン</t>
    </rPh>
    <rPh sb="49" eb="51">
      <t>ジュケン</t>
    </rPh>
    <rPh sb="53" eb="55">
      <t>バアイ</t>
    </rPh>
    <rPh sb="56" eb="59">
      <t>コウトクテン</t>
    </rPh>
    <rPh sb="60" eb="61">
      <t>ホウ</t>
    </rPh>
    <rPh sb="62" eb="64">
      <t>リヨウ</t>
    </rPh>
    <rPh sb="66" eb="68">
      <t>エイケン</t>
    </rPh>
    <rPh sb="70" eb="73">
      <t>キュウイジョウ</t>
    </rPh>
    <rPh sb="73" eb="76">
      <t>ジュケンシャ</t>
    </rPh>
    <rPh sb="75" eb="76">
      <t>シャ</t>
    </rPh>
    <rPh sb="77" eb="79">
      <t>タイショウ</t>
    </rPh>
    <rPh sb="80" eb="82">
      <t>イチジ</t>
    </rPh>
    <rPh sb="82" eb="84">
      <t>シケン</t>
    </rPh>
    <rPh sb="88" eb="89">
      <t>カ</t>
    </rPh>
    <phoneticPr fontId="21"/>
  </si>
  <si>
    <t>大学入学共通テスト利用入試（Ｂ方式）</t>
    <rPh sb="0" eb="2">
      <t>ダイガク</t>
    </rPh>
    <rPh sb="2" eb="4">
      <t>ニュウガク</t>
    </rPh>
    <rPh sb="4" eb="6">
      <t>キョウツウ</t>
    </rPh>
    <rPh sb="9" eb="11">
      <t>リヨウ</t>
    </rPh>
    <rPh sb="11" eb="13">
      <t>ニュウシ</t>
    </rPh>
    <rPh sb="15" eb="17">
      <t>ホウシキ</t>
    </rPh>
    <phoneticPr fontId="4"/>
  </si>
  <si>
    <t>共通テスト利用選抜（外部英語検定試験併用方式）</t>
    <rPh sb="5" eb="7">
      <t>リヨウ</t>
    </rPh>
    <rPh sb="7" eb="9">
      <t>センバツ</t>
    </rPh>
    <rPh sb="10" eb="12">
      <t>ガイブ</t>
    </rPh>
    <rPh sb="12" eb="14">
      <t>エイゴ</t>
    </rPh>
    <rPh sb="14" eb="16">
      <t>ケンテイ</t>
    </rPh>
    <rPh sb="16" eb="18">
      <t>シケン</t>
    </rPh>
    <rPh sb="18" eb="20">
      <t>ヘイヨウ</t>
    </rPh>
    <rPh sb="20" eb="22">
      <t>ホウシキ</t>
    </rPh>
    <phoneticPr fontId="4"/>
  </si>
  <si>
    <t>「ともいき加点制度」の評価に含む（最大３点）
※筆記試験の合格基準点を下回った一定点数の受験者のみが評価対象</t>
    <rPh sb="5" eb="7">
      <t>カテン</t>
    </rPh>
    <rPh sb="7" eb="9">
      <t>セイド</t>
    </rPh>
    <rPh sb="11" eb="13">
      <t>ヒョウカ</t>
    </rPh>
    <rPh sb="14" eb="15">
      <t>フク</t>
    </rPh>
    <rPh sb="17" eb="19">
      <t>サイダイ</t>
    </rPh>
    <rPh sb="20" eb="21">
      <t>テン</t>
    </rPh>
    <rPh sb="24" eb="26">
      <t>ヒッキ</t>
    </rPh>
    <rPh sb="26" eb="28">
      <t>シケン</t>
    </rPh>
    <rPh sb="29" eb="31">
      <t>ゴウカク</t>
    </rPh>
    <phoneticPr fontId="4"/>
  </si>
  <si>
    <t>共通テスト「英語」の得点を満点とみなす（共通テスト「英語」の受験は必須）</t>
    <rPh sb="20" eb="22">
      <t>キョウツウ</t>
    </rPh>
    <rPh sb="26" eb="28">
      <t>エイゴ</t>
    </rPh>
    <rPh sb="30" eb="32">
      <t>ジュケン</t>
    </rPh>
    <rPh sb="33" eb="35">
      <t>ヒッス</t>
    </rPh>
    <phoneticPr fontId="4"/>
  </si>
  <si>
    <t>一般入試（前期日程Ｓ方式）</t>
    <rPh sb="0" eb="2">
      <t>イッパン</t>
    </rPh>
    <rPh sb="2" eb="4">
      <t>ニュウシ</t>
    </rPh>
    <rPh sb="5" eb="7">
      <t>ゼンキ</t>
    </rPh>
    <rPh sb="7" eb="9">
      <t>ニッテイ</t>
    </rPh>
    <rPh sb="10" eb="12">
      <t>ホウシキ</t>
    </rPh>
    <phoneticPr fontId="4"/>
  </si>
  <si>
    <t>共通テスト「英語」の満点を上限に加点（５または10％）</t>
    <rPh sb="0" eb="2">
      <t>キョウツウ</t>
    </rPh>
    <rPh sb="6" eb="8">
      <t>エイゴ</t>
    </rPh>
    <rPh sb="10" eb="12">
      <t>マンテン</t>
    </rPh>
    <rPh sb="13" eb="15">
      <t>ジョウゲン</t>
    </rPh>
    <rPh sb="16" eb="18">
      <t>カテン</t>
    </rPh>
    <phoneticPr fontId="4"/>
  </si>
  <si>
    <t xml:space="preserve">個別試験「英語」の満点を上限に加点（５または10点）（大学が別途定めるスコアを満たす場合は、個別試験「英語」の得点を満点とみなす）
</t>
    <rPh sb="9" eb="11">
      <t>マンテン</t>
    </rPh>
    <rPh sb="12" eb="14">
      <t>ジョウゲン</t>
    </rPh>
    <rPh sb="24" eb="25">
      <t>テン</t>
    </rPh>
    <rPh sb="27" eb="29">
      <t>ダイガク</t>
    </rPh>
    <rPh sb="30" eb="32">
      <t>ベット</t>
    </rPh>
    <rPh sb="32" eb="33">
      <t>サダ</t>
    </rPh>
    <rPh sb="39" eb="40">
      <t>ミ</t>
    </rPh>
    <rPh sb="42" eb="44">
      <t>バアイ</t>
    </rPh>
    <rPh sb="46" eb="50">
      <t>コベツシケン</t>
    </rPh>
    <rPh sb="51" eb="53">
      <t>エイゴ</t>
    </rPh>
    <rPh sb="55" eb="57">
      <t>トクテン</t>
    </rPh>
    <rPh sb="58" eb="60">
      <t>マンテン</t>
    </rPh>
    <phoneticPr fontId="4"/>
  </si>
  <si>
    <t>一般選抜（前期）</t>
    <rPh sb="0" eb="2">
      <t>イッパン</t>
    </rPh>
    <rPh sb="2" eb="4">
      <t>センバツ</t>
    </rPh>
    <rPh sb="5" eb="6">
      <t>ゼン</t>
    </rPh>
    <rPh sb="6" eb="7">
      <t>キ</t>
    </rPh>
    <phoneticPr fontId="4"/>
  </si>
  <si>
    <t>全学部</t>
    <rPh sb="0" eb="3">
      <t>ゼンガクブ</t>
    </rPh>
    <phoneticPr fontId="4"/>
  </si>
  <si>
    <t>調査書・活動報告書に加点（１または２点）</t>
    <rPh sb="0" eb="3">
      <t>チョウサショ</t>
    </rPh>
    <rPh sb="4" eb="6">
      <t>カツドウ</t>
    </rPh>
    <rPh sb="6" eb="9">
      <t>ホウコクショ</t>
    </rPh>
    <rPh sb="10" eb="12">
      <t>カテン</t>
    </rPh>
    <rPh sb="18" eb="19">
      <t>テン</t>
    </rPh>
    <phoneticPr fontId="4"/>
  </si>
  <si>
    <t>一般入試（前期・中期）</t>
    <rPh sb="0" eb="2">
      <t>イッパン</t>
    </rPh>
    <rPh sb="2" eb="4">
      <t>ニュウシ</t>
    </rPh>
    <rPh sb="5" eb="7">
      <t>ゼンキ</t>
    </rPh>
    <rPh sb="8" eb="10">
      <t>チュウキ</t>
    </rPh>
    <phoneticPr fontId="4"/>
  </si>
  <si>
    <t>文（英語英米文、国際文化）、法、経済（現代経済）、経営</t>
    <rPh sb="0" eb="1">
      <t>ブン</t>
    </rPh>
    <rPh sb="2" eb="4">
      <t>エイゴ</t>
    </rPh>
    <rPh sb="4" eb="6">
      <t>エイベイ</t>
    </rPh>
    <rPh sb="6" eb="7">
      <t>ブン</t>
    </rPh>
    <rPh sb="8" eb="10">
      <t>コクサイ</t>
    </rPh>
    <rPh sb="10" eb="12">
      <t>ブンカ</t>
    </rPh>
    <phoneticPr fontId="4"/>
  </si>
  <si>
    <t>全学統一入試、一般入試、大学入学共通テスト利用入試</t>
    <rPh sb="0" eb="2">
      <t>ゼンガク</t>
    </rPh>
    <rPh sb="2" eb="4">
      <t>トウイツ</t>
    </rPh>
    <rPh sb="4" eb="6">
      <t>ニュウシ</t>
    </rPh>
    <rPh sb="12" eb="14">
      <t>ダイガク</t>
    </rPh>
    <rPh sb="14" eb="16">
      <t>ニュウガク</t>
    </rPh>
    <rPh sb="16" eb="18">
      <t>キョウツウ</t>
    </rPh>
    <rPh sb="21" eb="23">
      <t>リヨウ</t>
    </rPh>
    <rPh sb="23" eb="25">
      <t>ニュウシ</t>
    </rPh>
    <phoneticPr fontId="4"/>
  </si>
  <si>
    <t>国際文化、法（国際政治）</t>
    <rPh sb="5" eb="6">
      <t>ホウ</t>
    </rPh>
    <rPh sb="7" eb="9">
      <t>コクサイ</t>
    </rPh>
    <rPh sb="9" eb="11">
      <t>セイジ</t>
    </rPh>
    <phoneticPr fontId="4"/>
  </si>
  <si>
    <t>スコアを保持している場合に提出</t>
    <phoneticPr fontId="4"/>
  </si>
  <si>
    <t>△</t>
    <phoneticPr fontId="4"/>
  </si>
  <si>
    <t>140
※</t>
    <phoneticPr fontId="4"/>
  </si>
  <si>
    <t>工（航空－航空操縦学）</t>
    <rPh sb="0" eb="1">
      <t>コウ</t>
    </rPh>
    <rPh sb="2" eb="4">
      <t>コウクウ</t>
    </rPh>
    <phoneticPr fontId="4"/>
  </si>
  <si>
    <t>工（宇宙－航空操縦学）</t>
    <rPh sb="0" eb="1">
      <t>コウ</t>
    </rPh>
    <rPh sb="2" eb="4">
      <t>ウチュウ</t>
    </rPh>
    <rPh sb="5" eb="7">
      <t>コウクウ</t>
    </rPh>
    <rPh sb="7" eb="9">
      <t>ソウジュウ</t>
    </rPh>
    <rPh sb="9" eb="10">
      <t>ガク</t>
    </rPh>
    <phoneticPr fontId="4"/>
  </si>
  <si>
    <t>一般選抜</t>
    <rPh sb="0" eb="4">
      <t>イッパンセンバツ</t>
    </rPh>
    <phoneticPr fontId="4"/>
  </si>
  <si>
    <t>個別試験の得点に加点（５または10点）</t>
    <rPh sb="0" eb="2">
      <t>コベツ</t>
    </rPh>
    <rPh sb="2" eb="4">
      <t>シケン</t>
    </rPh>
    <rPh sb="5" eb="7">
      <t>トクテン</t>
    </rPh>
    <rPh sb="8" eb="10">
      <t>カテン</t>
    </rPh>
    <rPh sb="17" eb="18">
      <t>テン</t>
    </rPh>
    <phoneticPr fontId="4"/>
  </si>
  <si>
    <t>順天堂</t>
    <phoneticPr fontId="4"/>
  </si>
  <si>
    <t>国際教養</t>
    <rPh sb="0" eb="2">
      <t>コクサイ</t>
    </rPh>
    <rPh sb="2" eb="4">
      <t>キョウヨウ</t>
    </rPh>
    <phoneticPr fontId="4"/>
  </si>
  <si>
    <t>共通テスト「外国語」の「英語（リーディング）」または「英語（リスニング）」の得点に応じて、それぞれに25％加点。各満点値に対し得点が80％以上の場合は満点とみなす
TOEICは他に技能ごとの基準あり</t>
    <rPh sb="0" eb="2">
      <t>キョウツウ</t>
    </rPh>
    <rPh sb="6" eb="9">
      <t>ガイコクゴ</t>
    </rPh>
    <rPh sb="12" eb="14">
      <t>エイゴ</t>
    </rPh>
    <rPh sb="27" eb="29">
      <t>エイゴ</t>
    </rPh>
    <rPh sb="38" eb="40">
      <t>トクテン</t>
    </rPh>
    <rPh sb="41" eb="42">
      <t>オウ</t>
    </rPh>
    <rPh sb="53" eb="55">
      <t>カテン</t>
    </rPh>
    <rPh sb="56" eb="57">
      <t>カク</t>
    </rPh>
    <rPh sb="57" eb="59">
      <t>マンテン</t>
    </rPh>
    <rPh sb="59" eb="60">
      <t>チ</t>
    </rPh>
    <rPh sb="61" eb="62">
      <t>タイ</t>
    </rPh>
    <rPh sb="63" eb="65">
      <t>トクテン</t>
    </rPh>
    <rPh sb="69" eb="71">
      <t>イジョウ</t>
    </rPh>
    <rPh sb="72" eb="74">
      <t>バアイ</t>
    </rPh>
    <rPh sb="75" eb="77">
      <t>マンテン</t>
    </rPh>
    <rPh sb="88" eb="89">
      <t>タ</t>
    </rPh>
    <rPh sb="90" eb="92">
      <t>ギノウ</t>
    </rPh>
    <rPh sb="95" eb="97">
      <t>キジュン</t>
    </rPh>
    <phoneticPr fontId="4"/>
  </si>
  <si>
    <t xml:space="preserve">841
</t>
    <phoneticPr fontId="4"/>
  </si>
  <si>
    <t>医療</t>
    <rPh sb="0" eb="2">
      <t>イリョウ</t>
    </rPh>
    <phoneticPr fontId="4"/>
  </si>
  <si>
    <t>一般選抜、共通テスト利用選抜</t>
    <rPh sb="0" eb="2">
      <t>イッパン</t>
    </rPh>
    <rPh sb="2" eb="4">
      <t>センバツ</t>
    </rPh>
    <rPh sb="5" eb="7">
      <t>キョウツウ</t>
    </rPh>
    <rPh sb="10" eb="12">
      <t>リヨウ</t>
    </rPh>
    <rPh sb="12" eb="14">
      <t>センバツ</t>
    </rPh>
    <phoneticPr fontId="4"/>
  </si>
  <si>
    <t>全学部（医－医を除く）</t>
    <rPh sb="0" eb="3">
      <t>ゼンガクブ</t>
    </rPh>
    <rPh sb="4" eb="5">
      <t>イ</t>
    </rPh>
    <rPh sb="6" eb="7">
      <t>イ</t>
    </rPh>
    <rPh sb="8" eb="9">
      <t>ノゾ</t>
    </rPh>
    <phoneticPr fontId="4"/>
  </si>
  <si>
    <t>一般入試：個別試験「英語」の得点を満点とみなす（個別試験「英語」の受験は必須）
共通テスト利用入試・共通テストプラス入試：共通テスト「英語」の得点を満点とみなす
TOEICはS&amp;Wのスコアを2.5倍にして合算</t>
    <rPh sb="0" eb="2">
      <t>イッパン</t>
    </rPh>
    <rPh sb="2" eb="4">
      <t>ニュウシ</t>
    </rPh>
    <rPh sb="5" eb="7">
      <t>コベツ</t>
    </rPh>
    <rPh sb="7" eb="9">
      <t>シケン</t>
    </rPh>
    <rPh sb="10" eb="12">
      <t>エイゴ</t>
    </rPh>
    <rPh sb="14" eb="16">
      <t>トクテン</t>
    </rPh>
    <rPh sb="17" eb="19">
      <t>マンテン</t>
    </rPh>
    <rPh sb="24" eb="26">
      <t>コベツ</t>
    </rPh>
    <rPh sb="26" eb="28">
      <t>シケン</t>
    </rPh>
    <rPh sb="40" eb="42">
      <t>キョウツウ</t>
    </rPh>
    <rPh sb="45" eb="47">
      <t>リヨウ</t>
    </rPh>
    <rPh sb="47" eb="49">
      <t>ニュウシ</t>
    </rPh>
    <rPh sb="50" eb="52">
      <t>キョウツウ</t>
    </rPh>
    <rPh sb="58" eb="60">
      <t>ニュウシ</t>
    </rPh>
    <rPh sb="61" eb="63">
      <t>キョウツウ</t>
    </rPh>
    <rPh sb="67" eb="69">
      <t>エイゴ</t>
    </rPh>
    <rPh sb="71" eb="73">
      <t>トクテン</t>
    </rPh>
    <rPh sb="74" eb="76">
      <t>マンテン</t>
    </rPh>
    <phoneticPr fontId="4"/>
  </si>
  <si>
    <t>個別試験「英語」の得点に換算（65～95点）（個別試験「英語」の受験は必須、高得点の方を利用）</t>
    <rPh sb="0" eb="2">
      <t>コベツ</t>
    </rPh>
    <rPh sb="2" eb="4">
      <t>シケン</t>
    </rPh>
    <rPh sb="5" eb="7">
      <t>エイゴ</t>
    </rPh>
    <rPh sb="9" eb="11">
      <t>トクテン</t>
    </rPh>
    <rPh sb="12" eb="14">
      <t>カンサン</t>
    </rPh>
    <rPh sb="20" eb="21">
      <t>テン</t>
    </rPh>
    <rPh sb="23" eb="25">
      <t>コベツ</t>
    </rPh>
    <rPh sb="25" eb="27">
      <t>シケン</t>
    </rPh>
    <rPh sb="28" eb="30">
      <t>エイゴ</t>
    </rPh>
    <rPh sb="32" eb="34">
      <t>ジュケン</t>
    </rPh>
    <rPh sb="35" eb="37">
      <t>ヒッス</t>
    </rPh>
    <rPh sb="38" eb="41">
      <t>コウトクテン</t>
    </rPh>
    <rPh sb="42" eb="43">
      <t>ホウ</t>
    </rPh>
    <rPh sb="44" eb="46">
      <t>リヨウ</t>
    </rPh>
    <phoneticPr fontId="4"/>
  </si>
  <si>
    <t>全学部</t>
    <rPh sb="0" eb="3">
      <t>ゼンガクブ</t>
    </rPh>
    <phoneticPr fontId="4"/>
  </si>
  <si>
    <t>個別試験「英語」の得点に換算（70～100点）（個別試験「英語」の受験は必須、高得点の方を利用）
TOEICはS&amp;Wのスコアを2.5倍にして合算</t>
    <rPh sb="0" eb="2">
      <t>コベツ</t>
    </rPh>
    <phoneticPr fontId="4"/>
  </si>
  <si>
    <t>120
※</t>
    <phoneticPr fontId="4"/>
  </si>
  <si>
    <t>160
※</t>
    <phoneticPr fontId="4"/>
  </si>
  <si>
    <t>△</t>
    <phoneticPr fontId="4"/>
  </si>
  <si>
    <t>神戸親和</t>
    <phoneticPr fontId="4"/>
  </si>
  <si>
    <t>技能工芸</t>
    <rPh sb="0" eb="4">
      <t>ギノウコウゲイ</t>
    </rPh>
    <phoneticPr fontId="4"/>
  </si>
  <si>
    <t>商</t>
    <rPh sb="0" eb="1">
      <t>ショウ</t>
    </rPh>
    <phoneticPr fontId="4"/>
  </si>
  <si>
    <t>法</t>
    <rPh sb="0" eb="1">
      <t>ホウ</t>
    </rPh>
    <phoneticPr fontId="18"/>
  </si>
  <si>
    <t>一般選抜、一般選抜（共通テスト利用）</t>
    <rPh sb="0" eb="4">
      <t>イッパンセンバツ</t>
    </rPh>
    <rPh sb="5" eb="9">
      <t>イッパンセンバツ</t>
    </rPh>
    <rPh sb="10" eb="12">
      <t>キョウツウ</t>
    </rPh>
    <rPh sb="15" eb="17">
      <t>リヨウ</t>
    </rPh>
    <phoneticPr fontId="18"/>
  </si>
  <si>
    <t>経営学部</t>
    <rPh sb="0" eb="2">
      <t>ケイエイ</t>
    </rPh>
    <rPh sb="2" eb="4">
      <t>ガクブ</t>
    </rPh>
    <phoneticPr fontId="18"/>
  </si>
  <si>
    <t>一般入試（学科別：DS後期）</t>
    <rPh sb="0" eb="4">
      <t>イッパンニュウシ</t>
    </rPh>
    <rPh sb="5" eb="8">
      <t>ガッカベツ</t>
    </rPh>
    <rPh sb="11" eb="13">
      <t>コウキ</t>
    </rPh>
    <phoneticPr fontId="4"/>
  </si>
  <si>
    <t>A2</t>
    <phoneticPr fontId="4"/>
  </si>
  <si>
    <t>エントリーシートに加点</t>
    <rPh sb="9" eb="11">
      <t>カテン</t>
    </rPh>
    <phoneticPr fontId="18"/>
  </si>
  <si>
    <t>一般入試（多面的評価前期３科目）</t>
    <rPh sb="2" eb="4">
      <t>ニュウシ</t>
    </rPh>
    <rPh sb="5" eb="12">
      <t>タメンテキヒョウカゼンキ</t>
    </rPh>
    <rPh sb="13" eb="15">
      <t>カモク</t>
    </rPh>
    <phoneticPr fontId="21"/>
  </si>
  <si>
    <t>全学部</t>
    <rPh sb="0" eb="3">
      <t>ゼンガクブ</t>
    </rPh>
    <phoneticPr fontId="4"/>
  </si>
  <si>
    <t>△</t>
    <phoneticPr fontId="4"/>
  </si>
  <si>
    <t>点数化して評価する（３級以上、最上級のもののみ）</t>
    <rPh sb="0" eb="3">
      <t>テンスウカ</t>
    </rPh>
    <rPh sb="5" eb="7">
      <t>ヒョウカ</t>
    </rPh>
    <rPh sb="11" eb="12">
      <t>キュウ</t>
    </rPh>
    <rPh sb="12" eb="14">
      <t>イジョウ</t>
    </rPh>
    <rPh sb="15" eb="18">
      <t>サイジョウキュウ</t>
    </rPh>
    <phoneticPr fontId="4"/>
  </si>
  <si>
    <t>前期</t>
    <rPh sb="0" eb="1">
      <t>ゼン</t>
    </rPh>
    <rPh sb="1" eb="2">
      <t>キ</t>
    </rPh>
    <phoneticPr fontId="4"/>
  </si>
  <si>
    <t>共通テスト「英語」の得点に換算（120点）（高得点の方を利用）</t>
    <rPh sb="0" eb="2">
      <t>キョウツウ</t>
    </rPh>
    <rPh sb="6" eb="8">
      <t>エイゴ</t>
    </rPh>
    <rPh sb="10" eb="12">
      <t>トクテン</t>
    </rPh>
    <rPh sb="13" eb="15">
      <t>カンザン</t>
    </rPh>
    <rPh sb="19" eb="20">
      <t>テン</t>
    </rPh>
    <phoneticPr fontId="4"/>
  </si>
  <si>
    <t>資格取得者一般</t>
    <rPh sb="0" eb="2">
      <t>シカク</t>
    </rPh>
    <rPh sb="2" eb="5">
      <t>シュトクシャ</t>
    </rPh>
    <rPh sb="5" eb="7">
      <t>イッパン</t>
    </rPh>
    <phoneticPr fontId="4"/>
  </si>
  <si>
    <t>★</t>
    <phoneticPr fontId="4"/>
  </si>
  <si>
    <t>一般前期プラス資格試験</t>
    <rPh sb="0" eb="2">
      <t>イッパン</t>
    </rPh>
    <rPh sb="2" eb="4">
      <t>ゼンキ</t>
    </rPh>
    <rPh sb="7" eb="9">
      <t>シカク</t>
    </rPh>
    <rPh sb="9" eb="11">
      <t>シケン</t>
    </rPh>
    <phoneticPr fontId="4"/>
  </si>
  <si>
    <t>全学部</t>
    <rPh sb="0" eb="3">
      <t>ゼンガクブ</t>
    </rPh>
    <phoneticPr fontId="4"/>
  </si>
  <si>
    <t>2級</t>
    <rPh sb="1" eb="2">
      <t>キュウ</t>
    </rPh>
    <phoneticPr fontId="4"/>
  </si>
  <si>
    <t>全学部</t>
    <rPh sb="0" eb="3">
      <t>ゼンガクブ</t>
    </rPh>
    <phoneticPr fontId="4"/>
  </si>
  <si>
    <t>文、教育、外国語、法、経済、理工、医療技術（スポ－健康スポーツ）</t>
    <rPh sb="0" eb="1">
      <t>キョウモン</t>
    </rPh>
    <rPh sb="1" eb="2">
      <t>コクブン</t>
    </rPh>
    <phoneticPr fontId="4"/>
  </si>
  <si>
    <t>一般選抜（Ｂ日程主体性評価型）</t>
    <rPh sb="0" eb="4">
      <t>イッパンセンバツ</t>
    </rPh>
    <rPh sb="6" eb="8">
      <t>ニッテイ</t>
    </rPh>
    <rPh sb="8" eb="11">
      <t>シュタイセイ</t>
    </rPh>
    <rPh sb="11" eb="14">
      <t>ヒョウカガタ</t>
    </rPh>
    <phoneticPr fontId="4"/>
  </si>
  <si>
    <t>文（教育）</t>
    <rPh sb="0" eb="1">
      <t>ブン</t>
    </rPh>
    <rPh sb="2" eb="4">
      <t>キョウイク</t>
    </rPh>
    <phoneticPr fontId="4"/>
  </si>
  <si>
    <t>一般選抜（Ⅰ・Ⅱ期）</t>
    <rPh sb="0" eb="2">
      <t>イッパン</t>
    </rPh>
    <rPh sb="2" eb="4">
      <t>センバツ</t>
    </rPh>
    <rPh sb="8" eb="9">
      <t>キ</t>
    </rPh>
    <phoneticPr fontId="4"/>
  </si>
  <si>
    <t>準2級</t>
    <rPh sb="0" eb="1">
      <t>ジュン</t>
    </rPh>
    <rPh sb="2" eb="3">
      <t>キュウ</t>
    </rPh>
    <phoneticPr fontId="4"/>
  </si>
  <si>
    <t>一般入試</t>
    <rPh sb="2" eb="4">
      <t>ニュウシ</t>
    </rPh>
    <phoneticPr fontId="4"/>
  </si>
  <si>
    <t>全学部</t>
    <rPh sb="0" eb="3">
      <t>ゼンガクブ</t>
    </rPh>
    <phoneticPr fontId="4"/>
  </si>
  <si>
    <t>第一次試験にも利用</t>
    <rPh sb="0" eb="5">
      <t>ダイイチジシケン</t>
    </rPh>
    <rPh sb="7" eb="9">
      <t>リヨウ</t>
    </rPh>
    <phoneticPr fontId="4"/>
  </si>
  <si>
    <t>一般選抜（全学部統一日程）</t>
    <rPh sb="0" eb="4">
      <t>イッパンセンバツ</t>
    </rPh>
    <rPh sb="5" eb="8">
      <t>ゼンガクブ</t>
    </rPh>
    <rPh sb="8" eb="10">
      <t>トウイツ</t>
    </rPh>
    <rPh sb="10" eb="12">
      <t>ニッテイ</t>
    </rPh>
    <phoneticPr fontId="4"/>
  </si>
  <si>
    <t>△
※</t>
    <phoneticPr fontId="4"/>
  </si>
  <si>
    <t>個別試験「英語」の得点に加点（５～25点）</t>
    <rPh sb="0" eb="2">
      <t>コベツ</t>
    </rPh>
    <rPh sb="2" eb="4">
      <t>シケン</t>
    </rPh>
    <rPh sb="5" eb="7">
      <t>エイゴ</t>
    </rPh>
    <rPh sb="9" eb="11">
      <t>トクテン</t>
    </rPh>
    <rPh sb="12" eb="14">
      <t>カテン</t>
    </rPh>
    <rPh sb="19" eb="20">
      <t>テン</t>
    </rPh>
    <phoneticPr fontId="4"/>
  </si>
  <si>
    <t>一般選抜（学部学科試験・共通テスト併用方式）</t>
    <rPh sb="0" eb="2">
      <t>イッパン</t>
    </rPh>
    <rPh sb="2" eb="4">
      <t>センバツ</t>
    </rPh>
    <rPh sb="5" eb="7">
      <t>ガクブ</t>
    </rPh>
    <rPh sb="7" eb="9">
      <t>ガッカ</t>
    </rPh>
    <rPh sb="9" eb="11">
      <t>シケン</t>
    </rPh>
    <rPh sb="12" eb="14">
      <t>キョウツウ</t>
    </rPh>
    <rPh sb="17" eb="19">
      <t>ヘイヨウ</t>
    </rPh>
    <rPh sb="19" eb="21">
      <t>ホウシキ</t>
    </rPh>
    <phoneticPr fontId="4"/>
  </si>
  <si>
    <t>一般選抜（共通テスト利用方式）</t>
    <rPh sb="0" eb="2">
      <t>イッパン</t>
    </rPh>
    <rPh sb="2" eb="4">
      <t>センバツ</t>
    </rPh>
    <rPh sb="5" eb="7">
      <t>キョウツウ</t>
    </rPh>
    <rPh sb="10" eb="12">
      <t>リヨウ</t>
    </rPh>
    <rPh sb="12" eb="14">
      <t>ホウシキ</t>
    </rPh>
    <phoneticPr fontId="4"/>
  </si>
  <si>
    <t>共通テスト「外国語」の得点に換算（180または200点）（共通テスト「外国語」の受験は必須、高得点の方を利用）
※リンガスキルの利用可</t>
    <rPh sb="11" eb="13">
      <t>トクテン</t>
    </rPh>
    <rPh sb="14" eb="16">
      <t>カンサン</t>
    </rPh>
    <rPh sb="26" eb="27">
      <t>テン</t>
    </rPh>
    <rPh sb="46" eb="49">
      <t>コウトクテン</t>
    </rPh>
    <rPh sb="50" eb="51">
      <t>ホウ</t>
    </rPh>
    <rPh sb="52" eb="54">
      <t>リヨウ</t>
    </rPh>
    <rPh sb="64" eb="66">
      <t>リヨウ</t>
    </rPh>
    <rPh sb="66" eb="67">
      <t>カ</t>
    </rPh>
    <phoneticPr fontId="4"/>
  </si>
  <si>
    <t>一般選抜（TEAPスコア利用方式）</t>
    <rPh sb="0" eb="2">
      <t>イッパン</t>
    </rPh>
    <rPh sb="2" eb="4">
      <t>センバツ</t>
    </rPh>
    <rPh sb="12" eb="14">
      <t>リヨウ</t>
    </rPh>
    <rPh sb="14" eb="16">
      <t>ホウシキ</t>
    </rPh>
    <phoneticPr fontId="4"/>
  </si>
  <si>
    <t>一般入試、共通テストプラス入試</t>
    <rPh sb="2" eb="4">
      <t>ニュウシ</t>
    </rPh>
    <phoneticPr fontId="4"/>
  </si>
  <si>
    <t>書類審査に加点（最大４点）</t>
    <rPh sb="0" eb="2">
      <t>ショルイ</t>
    </rPh>
    <rPh sb="2" eb="4">
      <t>シンサ</t>
    </rPh>
    <rPh sb="5" eb="7">
      <t>カテン</t>
    </rPh>
    <rPh sb="8" eb="10">
      <t>サイダイ</t>
    </rPh>
    <rPh sb="11" eb="12">
      <t>テン</t>
    </rPh>
    <phoneticPr fontId="4"/>
  </si>
  <si>
    <t>個別テスト、共通テスト</t>
    <rPh sb="0" eb="2">
      <t>コベツ</t>
    </rPh>
    <rPh sb="6" eb="8">
      <t>キョウツウ</t>
    </rPh>
    <phoneticPr fontId="4"/>
  </si>
  <si>
    <t>大学入学共通テストを利用する入学試験（英語資格・検定試験利用）</t>
    <rPh sb="0" eb="2">
      <t>ダイガク</t>
    </rPh>
    <rPh sb="2" eb="4">
      <t>ニュウガク</t>
    </rPh>
    <rPh sb="4" eb="6">
      <t>キョウツウ</t>
    </rPh>
    <rPh sb="10" eb="12">
      <t>リヨウ</t>
    </rPh>
    <rPh sb="14" eb="16">
      <t>ニュウガク</t>
    </rPh>
    <rPh sb="16" eb="18">
      <t>シケン</t>
    </rPh>
    <rPh sb="19" eb="21">
      <t>エイゴ</t>
    </rPh>
    <rPh sb="21" eb="23">
      <t>シカク</t>
    </rPh>
    <rPh sb="24" eb="26">
      <t>ケンテイ</t>
    </rPh>
    <rPh sb="26" eb="28">
      <t>シケン</t>
    </rPh>
    <rPh sb="28" eb="30">
      <t>リヨウ</t>
    </rPh>
    <phoneticPr fontId="4"/>
  </si>
  <si>
    <t>共通テスト「英語」の得点に換算（80～100％）（高得点の方を利用）</t>
    <rPh sb="0" eb="2">
      <t>キョウツウ</t>
    </rPh>
    <rPh sb="6" eb="8">
      <t>エイゴ</t>
    </rPh>
    <rPh sb="10" eb="12">
      <t>トクテン</t>
    </rPh>
    <rPh sb="13" eb="15">
      <t>カンサン</t>
    </rPh>
    <phoneticPr fontId="4"/>
  </si>
  <si>
    <t>130
※</t>
    <phoneticPr fontId="4"/>
  </si>
  <si>
    <t>一般選抜（一般制）</t>
    <rPh sb="0" eb="2">
      <t>イッパン</t>
    </rPh>
    <rPh sb="2" eb="4">
      <t>センバツ</t>
    </rPh>
    <rPh sb="5" eb="7">
      <t>イッパン</t>
    </rPh>
    <rPh sb="7" eb="8">
      <t>セイ</t>
    </rPh>
    <phoneticPr fontId="4"/>
  </si>
  <si>
    <t>個別試験の満点を上限に加点（５～20点）</t>
    <rPh sb="0" eb="2">
      <t>コベツ</t>
    </rPh>
    <rPh sb="2" eb="4">
      <t>シケン</t>
    </rPh>
    <rPh sb="5" eb="7">
      <t>マンテン</t>
    </rPh>
    <rPh sb="8" eb="10">
      <t>ジョウゲン</t>
    </rPh>
    <rPh sb="11" eb="13">
      <t>カテン</t>
    </rPh>
    <rPh sb="18" eb="19">
      <t>テン</t>
    </rPh>
    <phoneticPr fontId="4"/>
  </si>
  <si>
    <t>一般入試※1</t>
    <rPh sb="0" eb="2">
      <t>イッパン</t>
    </rPh>
    <rPh sb="2" eb="4">
      <t>ニュウシ</t>
    </rPh>
    <phoneticPr fontId="4"/>
  </si>
  <si>
    <t xml:space="preserve">●
※2
</t>
    <phoneticPr fontId="4"/>
  </si>
  <si>
    <t>○
※3</t>
    <phoneticPr fontId="4"/>
  </si>
  <si>
    <t>個別試験の得点に加点（学部・学科により配点は異なる）
※1 文学部日程（試験日2/11）は対象外
※2 共通テスト「英語」でも代替可
※3 リンガスキルの利用可</t>
    <rPh sb="0" eb="2">
      <t>コベツ</t>
    </rPh>
    <rPh sb="2" eb="4">
      <t>シケン</t>
    </rPh>
    <rPh sb="5" eb="7">
      <t>トクテン</t>
    </rPh>
    <rPh sb="8" eb="10">
      <t>カテン</t>
    </rPh>
    <rPh sb="11" eb="13">
      <t>ガクブ</t>
    </rPh>
    <rPh sb="14" eb="16">
      <t>ガッカ</t>
    </rPh>
    <rPh sb="19" eb="21">
      <t>ハイテン</t>
    </rPh>
    <rPh sb="22" eb="23">
      <t>コト</t>
    </rPh>
    <rPh sb="30" eb="31">
      <t>ブン</t>
    </rPh>
    <rPh sb="31" eb="33">
      <t>ガクブ</t>
    </rPh>
    <rPh sb="33" eb="35">
      <t>ニッテイ</t>
    </rPh>
    <rPh sb="36" eb="39">
      <t>シケンヒ</t>
    </rPh>
    <rPh sb="45" eb="47">
      <t>タイショウ</t>
    </rPh>
    <rPh sb="47" eb="48">
      <t>ガイ</t>
    </rPh>
    <rPh sb="52" eb="54">
      <t>キョウツウ</t>
    </rPh>
    <rPh sb="58" eb="60">
      <t>エイゴ</t>
    </rPh>
    <rPh sb="63" eb="65">
      <t>ダイタイ</t>
    </rPh>
    <rPh sb="65" eb="66">
      <t>カ</t>
    </rPh>
    <rPh sb="77" eb="79">
      <t>リヨウ</t>
    </rPh>
    <rPh sb="79" eb="80">
      <t>カ</t>
    </rPh>
    <phoneticPr fontId="4"/>
  </si>
  <si>
    <t>共通テスト「外国語」の得点に換算（受験した場合は高得点の方を利用）
※リンガスキルの利用可</t>
    <rPh sb="0" eb="2">
      <t>キョウツウ</t>
    </rPh>
    <rPh sb="6" eb="9">
      <t>ガイコクゴ</t>
    </rPh>
    <rPh sb="11" eb="13">
      <t>トクテン</t>
    </rPh>
    <rPh sb="14" eb="16">
      <t>カンサン</t>
    </rPh>
    <rPh sb="17" eb="19">
      <t>ジュケン</t>
    </rPh>
    <rPh sb="21" eb="23">
      <t>バアイ</t>
    </rPh>
    <rPh sb="24" eb="27">
      <t>コウトクテン</t>
    </rPh>
    <rPh sb="28" eb="29">
      <t>ホウ</t>
    </rPh>
    <rPh sb="30" eb="32">
      <t>リヨウ</t>
    </rPh>
    <phoneticPr fontId="4"/>
  </si>
  <si>
    <t>ケンブリッジ英語検定はPET以上受検者が対象
英検は２級以上受検者が対象
TOEICは他に技能ごとの基準あり</t>
    <rPh sb="6" eb="8">
      <t>エイゴ</t>
    </rPh>
    <rPh sb="8" eb="10">
      <t>ケンテイ</t>
    </rPh>
    <rPh sb="14" eb="16">
      <t>イジョウ</t>
    </rPh>
    <rPh sb="23" eb="25">
      <t>エイケン</t>
    </rPh>
    <rPh sb="27" eb="28">
      <t>キュウ</t>
    </rPh>
    <rPh sb="28" eb="30">
      <t>イジョウ</t>
    </rPh>
    <phoneticPr fontId="4"/>
  </si>
  <si>
    <t>共通テスト「英語」を満点とみなす
TOEICは他に技能ごとの基準あり</t>
    <rPh sb="0" eb="2">
      <t>キョウツウ</t>
    </rPh>
    <rPh sb="6" eb="8">
      <t>エイゴ</t>
    </rPh>
    <rPh sb="10" eb="12">
      <t>マンテン</t>
    </rPh>
    <phoneticPr fontId="4"/>
  </si>
  <si>
    <t>個別試験「英語」の得点を満点とみなす</t>
    <rPh sb="0" eb="4">
      <t>コベツシケン</t>
    </rPh>
    <rPh sb="5" eb="7">
      <t>エイゴ</t>
    </rPh>
    <rPh sb="9" eb="11">
      <t>トクテン</t>
    </rPh>
    <rPh sb="12" eb="14">
      <t>マンテン</t>
    </rPh>
    <phoneticPr fontId="4"/>
  </si>
  <si>
    <t>個別試験「英語」の得点に換算（60～100点）（個別試験「英語」の受験は必須、高得点の方を利用）</t>
    <rPh sb="9" eb="11">
      <t>トクテン</t>
    </rPh>
    <rPh sb="39" eb="42">
      <t>コウトクテン</t>
    </rPh>
    <rPh sb="43" eb="44">
      <t>ホウ</t>
    </rPh>
    <rPh sb="45" eb="47">
      <t>リヨウ</t>
    </rPh>
    <phoneticPr fontId="4"/>
  </si>
  <si>
    <t>個別試験「英語」の得点に換算（65～100点）（受験した場合は高得点の方を利用）
TOEICはS&amp;Wのスコアを2.5倍にして合算
※リンガスキルの利用可</t>
    <rPh sb="0" eb="4">
      <t>コベツシケン</t>
    </rPh>
    <rPh sb="5" eb="7">
      <t>エイゴ</t>
    </rPh>
    <rPh sb="9" eb="11">
      <t>トクテン</t>
    </rPh>
    <rPh sb="12" eb="14">
      <t>カンサン</t>
    </rPh>
    <rPh sb="21" eb="22">
      <t>テン</t>
    </rPh>
    <rPh sb="24" eb="26">
      <t>ジュケン</t>
    </rPh>
    <rPh sb="28" eb="30">
      <t>バアイ</t>
    </rPh>
    <rPh sb="31" eb="34">
      <t>コウトクテン</t>
    </rPh>
    <rPh sb="35" eb="36">
      <t>ホウ</t>
    </rPh>
    <rPh sb="37" eb="39">
      <t>リヨウ</t>
    </rPh>
    <rPh sb="73" eb="75">
      <t>リヨウ</t>
    </rPh>
    <rPh sb="75" eb="76">
      <t>カ</t>
    </rPh>
    <phoneticPr fontId="4"/>
  </si>
  <si>
    <t>個別試験「外国語」の得点に換算（80～100点）（受験した場合は高得点の方を利用）
英検は２級以上受検者が対象</t>
    <rPh sb="0" eb="2">
      <t>コベツ</t>
    </rPh>
    <rPh sb="2" eb="4">
      <t>シケン</t>
    </rPh>
    <rPh sb="5" eb="8">
      <t>ガイコクゴ</t>
    </rPh>
    <rPh sb="10" eb="12">
      <t>トクテン</t>
    </rPh>
    <rPh sb="13" eb="15">
      <t>カンサン</t>
    </rPh>
    <rPh sb="22" eb="23">
      <t>テン</t>
    </rPh>
    <rPh sb="25" eb="27">
      <t>ジュケン</t>
    </rPh>
    <rPh sb="29" eb="31">
      <t>バアイ</t>
    </rPh>
    <rPh sb="32" eb="35">
      <t>コウトクテン</t>
    </rPh>
    <rPh sb="36" eb="37">
      <t>ホウ</t>
    </rPh>
    <rPh sb="38" eb="40">
      <t>リヨウ</t>
    </rPh>
    <rPh sb="42" eb="44">
      <t>エイケン</t>
    </rPh>
    <rPh sb="46" eb="47">
      <t>キュウ</t>
    </rPh>
    <rPh sb="47" eb="49">
      <t>イジョウ</t>
    </rPh>
    <rPh sb="49" eb="51">
      <t>ジュケン</t>
    </rPh>
    <rPh sb="51" eb="52">
      <t>シャ</t>
    </rPh>
    <rPh sb="53" eb="55">
      <t>タイショウ</t>
    </rPh>
    <phoneticPr fontId="4"/>
  </si>
  <si>
    <t>個別試験「外国語」の得点に換算（80～100％）（受験した場合は高得点の方を利用）
英検は２級以上受検者が対象</t>
    <rPh sb="0" eb="2">
      <t>コベツ</t>
    </rPh>
    <rPh sb="2" eb="4">
      <t>シケン</t>
    </rPh>
    <rPh sb="5" eb="8">
      <t>ガイコクゴ</t>
    </rPh>
    <rPh sb="10" eb="12">
      <t>トクテン</t>
    </rPh>
    <rPh sb="13" eb="15">
      <t>カンサン</t>
    </rPh>
    <rPh sb="25" eb="27">
      <t>ジュケン</t>
    </rPh>
    <rPh sb="29" eb="31">
      <t>バアイ</t>
    </rPh>
    <rPh sb="32" eb="35">
      <t>コウトクテン</t>
    </rPh>
    <rPh sb="36" eb="37">
      <t>ホウ</t>
    </rPh>
    <rPh sb="38" eb="40">
      <t>リヨウ</t>
    </rPh>
    <rPh sb="42" eb="44">
      <t>エイケン</t>
    </rPh>
    <rPh sb="46" eb="47">
      <t>キュウ</t>
    </rPh>
    <rPh sb="47" eb="49">
      <t>イジョウ</t>
    </rPh>
    <rPh sb="49" eb="51">
      <t>ジュケン</t>
    </rPh>
    <rPh sb="51" eb="52">
      <t>シャ</t>
    </rPh>
    <rPh sb="53" eb="55">
      <t>タイショウ</t>
    </rPh>
    <phoneticPr fontId="4"/>
  </si>
  <si>
    <t>一般入試（英語外部試験利用入試）</t>
    <rPh sb="0" eb="2">
      <t>イッパン</t>
    </rPh>
    <rPh sb="2" eb="4">
      <t>ニュウシ</t>
    </rPh>
    <rPh sb="5" eb="7">
      <t>エイゴ</t>
    </rPh>
    <rPh sb="7" eb="9">
      <t>ガイブ</t>
    </rPh>
    <rPh sb="9" eb="11">
      <t>シケン</t>
    </rPh>
    <rPh sb="11" eb="13">
      <t>リヨウ</t>
    </rPh>
    <rPh sb="13" eb="15">
      <t>ニュウシ</t>
    </rPh>
    <phoneticPr fontId="4"/>
  </si>
  <si>
    <t>一般入試（Ａ方式）</t>
    <rPh sb="0" eb="2">
      <t>イッパン</t>
    </rPh>
    <rPh sb="6" eb="8">
      <t>ホウシキ</t>
    </rPh>
    <phoneticPr fontId="5"/>
  </si>
  <si>
    <t>社会、経営、人間環境</t>
    <rPh sb="0" eb="2">
      <t>シャカイ</t>
    </rPh>
    <rPh sb="3" eb="5">
      <t>ケイエイ</t>
    </rPh>
    <rPh sb="6" eb="8">
      <t>ニンゲン</t>
    </rPh>
    <rPh sb="8" eb="10">
      <t>カンキョウ</t>
    </rPh>
    <phoneticPr fontId="4"/>
  </si>
  <si>
    <t>一般入試（英語外部試験利用入試）</t>
    <rPh sb="0" eb="2">
      <t>イッパン</t>
    </rPh>
    <rPh sb="2" eb="4">
      <t>ニュウシ</t>
    </rPh>
    <phoneticPr fontId="4"/>
  </si>
  <si>
    <t>一般方式（全学部統一グローバル型）</t>
    <rPh sb="0" eb="2">
      <t>イッパン</t>
    </rPh>
    <rPh sb="2" eb="4">
      <t>ホウシキ</t>
    </rPh>
    <rPh sb="15" eb="16">
      <t>ガタ</t>
    </rPh>
    <phoneticPr fontId="4"/>
  </si>
  <si>
    <t>個別試験「英語」の得点に換算（※学部・学科により配点は異なる）</t>
    <rPh sb="0" eb="2">
      <t>コベツ</t>
    </rPh>
    <rPh sb="2" eb="4">
      <t>シケン</t>
    </rPh>
    <rPh sb="5" eb="7">
      <t>エイゴ</t>
    </rPh>
    <rPh sb="9" eb="11">
      <t>トクテン</t>
    </rPh>
    <rPh sb="12" eb="14">
      <t>カンザン</t>
    </rPh>
    <rPh sb="16" eb="18">
      <t>ガクブ</t>
    </rPh>
    <rPh sb="19" eb="21">
      <t>ガッカ</t>
    </rPh>
    <rPh sb="24" eb="26">
      <t>ハイテン</t>
    </rPh>
    <rPh sb="27" eb="28">
      <t>コト</t>
    </rPh>
    <phoneticPr fontId="4"/>
  </si>
  <si>
    <t>大学独自入試（Ｂ・Ｃ日程タイプⅡ）、共通テスト利用入試</t>
    <rPh sb="18" eb="20">
      <t>キョウツウ</t>
    </rPh>
    <rPh sb="23" eb="25">
      <t>リヨウ</t>
    </rPh>
    <rPh sb="25" eb="27">
      <t>ニュウシ</t>
    </rPh>
    <phoneticPr fontId="4"/>
  </si>
  <si>
    <t>個別試験「英語」の得点に換算（65～100点）（個別試験「英語」の受験は必須、50点以上の場合は高得点の方を利用）</t>
    <rPh sb="0" eb="2">
      <t>コベツ</t>
    </rPh>
    <rPh sb="2" eb="4">
      <t>シケン</t>
    </rPh>
    <rPh sb="5" eb="7">
      <t>エイゴ</t>
    </rPh>
    <rPh sb="9" eb="11">
      <t>トクテン</t>
    </rPh>
    <rPh sb="12" eb="14">
      <t>カンサン</t>
    </rPh>
    <rPh sb="21" eb="22">
      <t>テン</t>
    </rPh>
    <rPh sb="24" eb="28">
      <t>コベツシケン</t>
    </rPh>
    <rPh sb="29" eb="31">
      <t>エイゴ</t>
    </rPh>
    <rPh sb="33" eb="35">
      <t>ジュケン</t>
    </rPh>
    <rPh sb="36" eb="38">
      <t>ヒッス</t>
    </rPh>
    <rPh sb="41" eb="42">
      <t>テン</t>
    </rPh>
    <rPh sb="42" eb="44">
      <t>イジョウ</t>
    </rPh>
    <rPh sb="45" eb="47">
      <t>バアイ</t>
    </rPh>
    <rPh sb="48" eb="51">
      <t>コウトクテン</t>
    </rPh>
    <rPh sb="52" eb="53">
      <t>ホウ</t>
    </rPh>
    <rPh sb="54" eb="56">
      <t>リヨウ</t>
    </rPh>
    <phoneticPr fontId="4"/>
  </si>
  <si>
    <t>一般選抜英語外部試験利用</t>
    <rPh sb="0" eb="2">
      <t>イッパン</t>
    </rPh>
    <rPh sb="2" eb="4">
      <t>センバツ</t>
    </rPh>
    <rPh sb="4" eb="6">
      <t>エイゴ</t>
    </rPh>
    <rPh sb="6" eb="8">
      <t>ガイブ</t>
    </rPh>
    <rPh sb="8" eb="10">
      <t>シケン</t>
    </rPh>
    <rPh sb="10" eb="12">
      <t>リヨウ</t>
    </rPh>
    <phoneticPr fontId="4"/>
  </si>
  <si>
    <t>一般入試（英語外部検定試験利用型）</t>
    <rPh sb="0" eb="4">
      <t>イッパンニュウシ</t>
    </rPh>
    <rPh sb="9" eb="11">
      <t>ケンテイ</t>
    </rPh>
    <rPh sb="11" eb="13">
      <t>シケン</t>
    </rPh>
    <rPh sb="13" eb="15">
      <t>リヨウ</t>
    </rPh>
    <rPh sb="15" eb="16">
      <t>ガタ</t>
    </rPh>
    <phoneticPr fontId="4"/>
  </si>
  <si>
    <t>個別試験「外国語」の得点に換算（70または85点）（受験した場合は高得点の方を利用）</t>
    <rPh sb="5" eb="8">
      <t>ガイコクゴ</t>
    </rPh>
    <rPh sb="13" eb="15">
      <t>カンサン</t>
    </rPh>
    <rPh sb="23" eb="24">
      <t>テン</t>
    </rPh>
    <rPh sb="26" eb="28">
      <t>ジュケン</t>
    </rPh>
    <rPh sb="30" eb="32">
      <t>バアイ</t>
    </rPh>
    <phoneticPr fontId="4"/>
  </si>
  <si>
    <t>一般選抜（Ａ日程）、健大スカラシップ選抜</t>
    <rPh sb="0" eb="2">
      <t>イッパン</t>
    </rPh>
    <rPh sb="2" eb="4">
      <t>センバツ</t>
    </rPh>
    <rPh sb="6" eb="8">
      <t>ニッテイ</t>
    </rPh>
    <rPh sb="10" eb="12">
      <t>ケンダイ</t>
    </rPh>
    <rPh sb="18" eb="20">
      <t>センバツ</t>
    </rPh>
    <phoneticPr fontId="4"/>
  </si>
  <si>
    <t xml:space="preserve">個別試験「英語」の得点に換算（80～100点）（受験した場合は高得点の方を利用）
英検は２級以上受検者が対象
TOEICはS&amp;Wのスコアを2.5倍にして合算
</t>
    <rPh sb="21" eb="22">
      <t>テン</t>
    </rPh>
    <rPh sb="37" eb="39">
      <t>リヨウ</t>
    </rPh>
    <rPh sb="41" eb="43">
      <t>エイケン</t>
    </rPh>
    <rPh sb="45" eb="46">
      <t>キュウ</t>
    </rPh>
    <rPh sb="46" eb="48">
      <t>イジョウ</t>
    </rPh>
    <rPh sb="48" eb="51">
      <t>ジュケンシャ</t>
    </rPh>
    <rPh sb="52" eb="54">
      <t>タイショウ</t>
    </rPh>
    <phoneticPr fontId="4"/>
  </si>
  <si>
    <t>一般選抜（一般後期１科目型）</t>
    <rPh sb="0" eb="4">
      <t>イッパンセンバツ</t>
    </rPh>
    <rPh sb="5" eb="7">
      <t>イッパン</t>
    </rPh>
    <rPh sb="7" eb="9">
      <t>コウキ</t>
    </rPh>
    <rPh sb="10" eb="12">
      <t>カモク</t>
    </rPh>
    <rPh sb="12" eb="13">
      <t>ガタ</t>
    </rPh>
    <phoneticPr fontId="4"/>
  </si>
  <si>
    <t xml:space="preserve">一般選抜、共通テスト利用選抜
</t>
    <rPh sb="2" eb="4">
      <t>センバツ</t>
    </rPh>
    <rPh sb="10" eb="12">
      <t>リヨウ</t>
    </rPh>
    <rPh sb="12" eb="14">
      <t>センバツ</t>
    </rPh>
    <phoneticPr fontId="4"/>
  </si>
  <si>
    <t>個別試験「英語」の得点に換算（70～100点）（個別試験「英語」の受験は必須、高得点の方を利用）
英検は準２級以上受検者が対象</t>
    <rPh sb="0" eb="2">
      <t>コベツ</t>
    </rPh>
    <rPh sb="2" eb="4">
      <t>シケン</t>
    </rPh>
    <rPh sb="5" eb="7">
      <t>エイゴ</t>
    </rPh>
    <rPh sb="9" eb="11">
      <t>トクテン</t>
    </rPh>
    <rPh sb="12" eb="14">
      <t>カンサン</t>
    </rPh>
    <rPh sb="21" eb="22">
      <t>テン</t>
    </rPh>
    <rPh sb="24" eb="28">
      <t>コベツシケン</t>
    </rPh>
    <rPh sb="29" eb="31">
      <t>エイゴ</t>
    </rPh>
    <rPh sb="33" eb="35">
      <t>ジュケン</t>
    </rPh>
    <rPh sb="36" eb="38">
      <t>ヒッス</t>
    </rPh>
    <rPh sb="39" eb="42">
      <t>コウトクテン</t>
    </rPh>
    <rPh sb="43" eb="44">
      <t>ホウ</t>
    </rPh>
    <rPh sb="45" eb="47">
      <t>リヨウ</t>
    </rPh>
    <rPh sb="52" eb="53">
      <t>ジュン</t>
    </rPh>
    <phoneticPr fontId="4"/>
  </si>
  <si>
    <t>CEFRレベルにより「資料読解（設問１）」の得点を1.1～1.3倍にする
英検は２級以上受検者が対象
TOEICはS&amp;Wのスコアを2.5倍にして合算</t>
    <rPh sb="11" eb="13">
      <t>シリョウ</t>
    </rPh>
    <rPh sb="13" eb="15">
      <t>ドッカイ</t>
    </rPh>
    <rPh sb="16" eb="18">
      <t>セツモン</t>
    </rPh>
    <rPh sb="22" eb="24">
      <t>トクテン</t>
    </rPh>
    <rPh sb="32" eb="33">
      <t>バイ</t>
    </rPh>
    <phoneticPr fontId="4"/>
  </si>
  <si>
    <t>他に技能ごとの基準あり
ケンブリッジ英語検定はPET以上受検者が対象
英検は準１級以上受検者が対象
※リンガスキルの利用可</t>
    <rPh sb="0" eb="1">
      <t>ホカ</t>
    </rPh>
    <rPh sb="2" eb="4">
      <t>ギノウ</t>
    </rPh>
    <rPh sb="7" eb="9">
      <t>キジュン</t>
    </rPh>
    <rPh sb="18" eb="22">
      <t>エイゴケンテイ</t>
    </rPh>
    <rPh sb="26" eb="28">
      <t>イジョウ</t>
    </rPh>
    <rPh sb="28" eb="31">
      <t>ジュケンシャ</t>
    </rPh>
    <rPh sb="32" eb="34">
      <t>タイショウ</t>
    </rPh>
    <rPh sb="38" eb="39">
      <t>ジュン</t>
    </rPh>
    <rPh sb="58" eb="61">
      <t>リヨウカ</t>
    </rPh>
    <phoneticPr fontId="4"/>
  </si>
  <si>
    <t>他に技能ごとの基準あり
ケンブリッジ英語検定はPET以上受検者が対象
英検は準１級以上受検者が対象
※リンガスキルの利用可</t>
    <rPh sb="0" eb="1">
      <t>ホカ</t>
    </rPh>
    <rPh sb="2" eb="4">
      <t>ギノウ</t>
    </rPh>
    <rPh sb="7" eb="9">
      <t>キジュン</t>
    </rPh>
    <rPh sb="38" eb="39">
      <t>ジュン</t>
    </rPh>
    <rPh sb="58" eb="61">
      <t>リヨウカ</t>
    </rPh>
    <phoneticPr fontId="4"/>
  </si>
  <si>
    <t>一般選抜（Ｄ日程）</t>
    <rPh sb="2" eb="4">
      <t>センバツ</t>
    </rPh>
    <phoneticPr fontId="4"/>
  </si>
  <si>
    <t>一般選抜型は個別試験「英語」、英語面接利用型は個別試験「英語」＋英語面接の得点に換算（60～90点）（高得点の方を利用）
TOEICはS&amp;Wのスコアを2.5倍にして合算</t>
    <rPh sb="0" eb="2">
      <t>イッパン</t>
    </rPh>
    <rPh sb="2" eb="4">
      <t>センバツ</t>
    </rPh>
    <rPh sb="4" eb="5">
      <t>ガタ</t>
    </rPh>
    <rPh sb="6" eb="8">
      <t>コベツ</t>
    </rPh>
    <rPh sb="8" eb="10">
      <t>シケン</t>
    </rPh>
    <rPh sb="11" eb="13">
      <t>エイゴ</t>
    </rPh>
    <rPh sb="15" eb="17">
      <t>エイゴ</t>
    </rPh>
    <rPh sb="17" eb="19">
      <t>メンセツ</t>
    </rPh>
    <rPh sb="19" eb="22">
      <t>リヨウガタ</t>
    </rPh>
    <rPh sb="23" eb="25">
      <t>コベツ</t>
    </rPh>
    <rPh sb="25" eb="27">
      <t>シケン</t>
    </rPh>
    <rPh sb="28" eb="30">
      <t>エイゴ</t>
    </rPh>
    <rPh sb="32" eb="34">
      <t>エイゴ</t>
    </rPh>
    <rPh sb="34" eb="36">
      <t>メンセツ</t>
    </rPh>
    <rPh sb="37" eb="39">
      <t>トクテン</t>
    </rPh>
    <rPh sb="40" eb="42">
      <t>カンサン</t>
    </rPh>
    <rPh sb="48" eb="49">
      <t>テン</t>
    </rPh>
    <rPh sb="51" eb="54">
      <t>コウトクテン</t>
    </rPh>
    <rPh sb="55" eb="56">
      <t>ホウ</t>
    </rPh>
    <rPh sb="57" eb="59">
      <t>リヨウ</t>
    </rPh>
    <rPh sb="78" eb="79">
      <t>バイ</t>
    </rPh>
    <rPh sb="82" eb="84">
      <t>ガッサン</t>
    </rPh>
    <phoneticPr fontId="4"/>
  </si>
  <si>
    <t>経済、経営</t>
    <rPh sb="0" eb="2">
      <t>ケイザイ</t>
    </rPh>
    <rPh sb="3" eb="5">
      <t>ケイエイ</t>
    </rPh>
    <phoneticPr fontId="4"/>
  </si>
  <si>
    <t>820
Ad
Ba
CBT</t>
  </si>
  <si>
    <t>820
Ad
Ba
CBT</t>
    <phoneticPr fontId="4"/>
  </si>
  <si>
    <t>観光</t>
    <rPh sb="0" eb="2">
      <t>カンコウ</t>
    </rPh>
    <phoneticPr fontId="4"/>
  </si>
  <si>
    <t>一般選抜、大学入学共通テスト利用型選抜</t>
    <rPh sb="0" eb="4">
      <t>イッパンセンバツ</t>
    </rPh>
    <rPh sb="5" eb="11">
      <t>ダイガクニュウガクキョウツウ</t>
    </rPh>
    <rPh sb="14" eb="16">
      <t>リヨウ</t>
    </rPh>
    <rPh sb="16" eb="17">
      <t>ガタ</t>
    </rPh>
    <rPh sb="17" eb="19">
      <t>センバツ</t>
    </rPh>
    <phoneticPr fontId="4"/>
  </si>
  <si>
    <t>△</t>
    <phoneticPr fontId="4"/>
  </si>
  <si>
    <t>全学部</t>
    <rPh sb="0" eb="3">
      <t>ゼンガクブ</t>
    </rPh>
    <phoneticPr fontId="4"/>
  </si>
  <si>
    <t>共通テスト利用方式（後期）</t>
    <rPh sb="0" eb="2">
      <t>キョウツウ</t>
    </rPh>
    <rPh sb="5" eb="7">
      <t>リヨウ</t>
    </rPh>
    <rPh sb="7" eb="9">
      <t>ホウシキ</t>
    </rPh>
    <rPh sb="10" eb="12">
      <t>コウキ</t>
    </rPh>
    <phoneticPr fontId="4"/>
  </si>
  <si>
    <t>調査書に加点（２点）</t>
    <rPh sb="0" eb="3">
      <t>チョウサショ</t>
    </rPh>
    <rPh sb="4" eb="6">
      <t>カテン</t>
    </rPh>
    <rPh sb="8" eb="9">
      <t>テン</t>
    </rPh>
    <phoneticPr fontId="4"/>
  </si>
  <si>
    <t>調査書の中で評価する</t>
    <rPh sb="0" eb="3">
      <t>チョウサショ</t>
    </rPh>
    <rPh sb="4" eb="5">
      <t>ナカ</t>
    </rPh>
    <rPh sb="6" eb="8">
      <t>ヒョウカ</t>
    </rPh>
    <phoneticPr fontId="4"/>
  </si>
  <si>
    <t>生活科学</t>
    <rPh sb="0" eb="4">
      <t>セイカツカガク</t>
    </rPh>
    <phoneticPr fontId="4"/>
  </si>
  <si>
    <t>調査書に加点</t>
    <rPh sb="0" eb="3">
      <t>チョウサショ</t>
    </rPh>
    <rPh sb="4" eb="6">
      <t>カテン</t>
    </rPh>
    <phoneticPr fontId="4"/>
  </si>
  <si>
    <t>一般入試（Ⅲ期）</t>
    <rPh sb="0" eb="2">
      <t>イッパン</t>
    </rPh>
    <rPh sb="2" eb="4">
      <t>ニュウシ</t>
    </rPh>
    <rPh sb="6" eb="7">
      <t>キ</t>
    </rPh>
    <phoneticPr fontId="4"/>
  </si>
  <si>
    <t>○</t>
    <phoneticPr fontId="4"/>
  </si>
  <si>
    <t>人文</t>
    <phoneticPr fontId="4"/>
  </si>
  <si>
    <t>商</t>
    <rPh sb="0" eb="1">
      <t>ショウ</t>
    </rPh>
    <phoneticPr fontId="4"/>
  </si>
  <si>
    <t>一般選抜、大学入学共通テスト利用選抜</t>
    <rPh sb="5" eb="7">
      <t>ダイガク</t>
    </rPh>
    <rPh sb="7" eb="9">
      <t>ニュウガク</t>
    </rPh>
    <rPh sb="9" eb="11">
      <t>キョウツウ</t>
    </rPh>
    <rPh sb="14" eb="16">
      <t>リヨウ</t>
    </rPh>
    <rPh sb="16" eb="18">
      <t>センバツ</t>
    </rPh>
    <phoneticPr fontId="4"/>
  </si>
  <si>
    <t>合否ラインに位置する場合、調査書の評価対象とする</t>
    <rPh sb="0" eb="2">
      <t>ゴウヒ</t>
    </rPh>
    <rPh sb="6" eb="8">
      <t>イチ</t>
    </rPh>
    <rPh sb="10" eb="12">
      <t>バアイ</t>
    </rPh>
    <rPh sb="13" eb="16">
      <t>チョウサショ</t>
    </rPh>
    <rPh sb="17" eb="19">
      <t>ヒョウカ</t>
    </rPh>
    <rPh sb="19" eb="21">
      <t>タイショウ</t>
    </rPh>
    <phoneticPr fontId="4"/>
  </si>
  <si>
    <t>一般選抜</t>
    <rPh sb="0" eb="4">
      <t>イッパンセンバツ</t>
    </rPh>
    <phoneticPr fontId="4"/>
  </si>
  <si>
    <t>△</t>
    <phoneticPr fontId="4"/>
  </si>
  <si>
    <t>共通テスト「英語」の得点を満点とみなす
TOEICはS&amp;Wのスコアを2.5倍にして合算</t>
    <rPh sb="0" eb="2">
      <t>キョウツウ</t>
    </rPh>
    <rPh sb="6" eb="8">
      <t>エイゴ</t>
    </rPh>
    <rPh sb="10" eb="12">
      <t>トクテン</t>
    </rPh>
    <rPh sb="13" eb="15">
      <t>マンテン</t>
    </rPh>
    <rPh sb="37" eb="38">
      <t>バイ</t>
    </rPh>
    <rPh sb="41" eb="43">
      <t>ガッサン</t>
    </rPh>
    <phoneticPr fontId="4"/>
  </si>
  <si>
    <t>△</t>
    <phoneticPr fontId="4"/>
  </si>
  <si>
    <t>一般選抜</t>
    <rPh sb="0" eb="4">
      <t>イッパンセンバツ</t>
    </rPh>
    <phoneticPr fontId="4"/>
  </si>
  <si>
    <t>全学部</t>
    <rPh sb="0" eb="3">
      <t>ゼンガクブ</t>
    </rPh>
    <phoneticPr fontId="4"/>
  </si>
  <si>
    <r>
      <t>実用英語技能検定
(英検</t>
    </r>
    <r>
      <rPr>
        <vertAlign val="superscript"/>
        <sz val="8"/>
        <rFont val="Meiryo UI"/>
        <family val="3"/>
        <charset val="128"/>
      </rPr>
      <t>®</t>
    </r>
    <r>
      <rPr>
        <sz val="8"/>
        <rFont val="Meiryo UI"/>
        <family val="3"/>
        <charset val="128"/>
      </rPr>
      <t>)</t>
    </r>
    <rPh sb="0" eb="2">
      <t>ジツヨウ</t>
    </rPh>
    <rPh sb="2" eb="4">
      <t>エイゴ</t>
    </rPh>
    <rPh sb="4" eb="6">
      <t>ギノウ</t>
    </rPh>
    <rPh sb="6" eb="8">
      <t>ケンテイ</t>
    </rPh>
    <phoneticPr fontId="5"/>
  </si>
  <si>
    <t>準2級</t>
    <rPh sb="0" eb="1">
      <t>ジュン</t>
    </rPh>
    <rPh sb="2" eb="3">
      <t>キュウ</t>
    </rPh>
    <phoneticPr fontId="4"/>
  </si>
  <si>
    <t>※表中の英検®は公益財団法人 日本英語検定協会、GTEC®は株式会社ベネッセコーポレーション、TOEFL®・TOEFL iBT®・TOEIC®はエデュケーショナル・テスティング・サービス（ETS）の登録商標です。</t>
    <rPh sb="1" eb="2">
      <t>ヒョウ</t>
    </rPh>
    <rPh sb="2" eb="3">
      <t>ナカ</t>
    </rPh>
    <phoneticPr fontId="2"/>
  </si>
  <si>
    <t>個別試験の得点に加点（30～50点）
※共通テスト「英語」でも代替可</t>
    <rPh sb="0" eb="4">
      <t>コベツシケン</t>
    </rPh>
    <rPh sb="5" eb="7">
      <t>トクテン</t>
    </rPh>
    <rPh sb="8" eb="10">
      <t>カテン</t>
    </rPh>
    <rPh sb="16" eb="17">
      <t>テン</t>
    </rPh>
    <rPh sb="20" eb="22">
      <t>キョウツウ</t>
    </rPh>
    <rPh sb="26" eb="28">
      <t>エイゴ</t>
    </rPh>
    <rPh sb="31" eb="34">
      <t>ダイタイカ</t>
    </rPh>
    <phoneticPr fontId="4"/>
  </si>
  <si>
    <t>一般入試（Ⅲ・Ⅳ期英語評価型）</t>
    <rPh sb="0" eb="2">
      <t>イッパン</t>
    </rPh>
    <rPh sb="2" eb="4">
      <t>ニュウシ</t>
    </rPh>
    <rPh sb="8" eb="9">
      <t>キ</t>
    </rPh>
    <rPh sb="9" eb="11">
      <t>エイゴ</t>
    </rPh>
    <rPh sb="11" eb="14">
      <t>ヒョウカガタ</t>
    </rPh>
    <phoneticPr fontId="4"/>
  </si>
  <si>
    <t>音楽</t>
    <rPh sb="0" eb="2">
      <t>オンガク</t>
    </rPh>
    <phoneticPr fontId="3"/>
  </si>
  <si>
    <t>全学部</t>
    <rPh sb="0" eb="3">
      <t>ゼンガクブ</t>
    </rPh>
    <phoneticPr fontId="4"/>
  </si>
  <si>
    <t>共通テスト方式グループディスカッション入試</t>
    <rPh sb="0" eb="2">
      <t>キョウツウ</t>
    </rPh>
    <rPh sb="5" eb="7">
      <t>ホウシキ</t>
    </rPh>
    <rPh sb="19" eb="21">
      <t>ニュウシ</t>
    </rPh>
    <phoneticPr fontId="4"/>
  </si>
  <si>
    <t>全学部</t>
    <rPh sb="0" eb="3">
      <t>ゼンガクブ</t>
    </rPh>
    <phoneticPr fontId="4"/>
  </si>
  <si>
    <t>一般選抜、共通テスト利用選抜</t>
    <rPh sb="0" eb="2">
      <t>イッパン</t>
    </rPh>
    <rPh sb="2" eb="4">
      <t>センバツ</t>
    </rPh>
    <rPh sb="5" eb="7">
      <t>キョウツウ</t>
    </rPh>
    <rPh sb="10" eb="12">
      <t>リヨウ</t>
    </rPh>
    <rPh sb="12" eb="14">
      <t>センバツ</t>
    </rPh>
    <phoneticPr fontId="4"/>
  </si>
  <si>
    <t>△</t>
    <phoneticPr fontId="4"/>
  </si>
  <si>
    <t>活動実績報告書の評価に含む</t>
    <rPh sb="0" eb="2">
      <t>カツドウ</t>
    </rPh>
    <rPh sb="2" eb="4">
      <t>ジッセキ</t>
    </rPh>
    <rPh sb="4" eb="7">
      <t>ホウコクショ</t>
    </rPh>
    <rPh sb="8" eb="10">
      <t>ヒョウカ</t>
    </rPh>
    <rPh sb="11" eb="12">
      <t>フク</t>
    </rPh>
    <phoneticPr fontId="4"/>
  </si>
  <si>
    <t>個別試験「英語」の得点に換算（50～100点）（受験した場合は高得点の方を利用）
英検は準２級以上受検者が対象
TOEICはS&amp;Wのスコアを2.5倍にして合算</t>
    <rPh sb="0" eb="2">
      <t>コベツ</t>
    </rPh>
    <rPh sb="2" eb="4">
      <t>シケン</t>
    </rPh>
    <rPh sb="5" eb="7">
      <t>エイゴ</t>
    </rPh>
    <rPh sb="9" eb="11">
      <t>トクテン</t>
    </rPh>
    <rPh sb="12" eb="14">
      <t>カンサン</t>
    </rPh>
    <rPh sb="21" eb="22">
      <t>テン</t>
    </rPh>
    <rPh sb="24" eb="26">
      <t>ジュケン</t>
    </rPh>
    <rPh sb="28" eb="30">
      <t>バアイ</t>
    </rPh>
    <rPh sb="31" eb="34">
      <t>コウトクテン</t>
    </rPh>
    <rPh sb="35" eb="36">
      <t>ホウ</t>
    </rPh>
    <rPh sb="37" eb="39">
      <t>リヨウ</t>
    </rPh>
    <rPh sb="41" eb="43">
      <t>エイケン</t>
    </rPh>
    <rPh sb="44" eb="45">
      <t>ジュン</t>
    </rPh>
    <rPh sb="46" eb="47">
      <t>キュウ</t>
    </rPh>
    <rPh sb="47" eb="49">
      <t>イジョウ</t>
    </rPh>
    <rPh sb="49" eb="52">
      <t>ジュケンシャ</t>
    </rPh>
    <rPh sb="53" eb="55">
      <t>タイショウ</t>
    </rPh>
    <rPh sb="73" eb="74">
      <t>バイ</t>
    </rPh>
    <rPh sb="77" eb="79">
      <t>ガッサン</t>
    </rPh>
    <phoneticPr fontId="4"/>
  </si>
  <si>
    <t>個別試験または共通テスト「英語」の得点に換算（最大100％）（高得点の方を利用）CSEスコアに0.0413を乗じたものをそれぞれ学科が指定する配点に換算</t>
    <rPh sb="0" eb="4">
      <t>コベツシケン</t>
    </rPh>
    <rPh sb="7" eb="9">
      <t>キョウツウ</t>
    </rPh>
    <rPh sb="13" eb="15">
      <t>エイゴ</t>
    </rPh>
    <rPh sb="17" eb="19">
      <t>トクテン</t>
    </rPh>
    <rPh sb="20" eb="22">
      <t>カンサン</t>
    </rPh>
    <rPh sb="23" eb="25">
      <t>サイダイ</t>
    </rPh>
    <rPh sb="31" eb="34">
      <t>コウトクテン</t>
    </rPh>
    <rPh sb="35" eb="36">
      <t>ホウ</t>
    </rPh>
    <rPh sb="37" eb="39">
      <t>リヨウ</t>
    </rPh>
    <phoneticPr fontId="4"/>
  </si>
  <si>
    <t>実績報告書の評価に含む</t>
  </si>
  <si>
    <t>○</t>
    <phoneticPr fontId="4"/>
  </si>
  <si>
    <t>前期</t>
    <rPh sb="0" eb="2">
      <t>ゼンキ</t>
    </rPh>
    <phoneticPr fontId="4"/>
  </si>
  <si>
    <t>○</t>
    <phoneticPr fontId="4"/>
  </si>
  <si>
    <t xml:space="preserve">一般選抜、共通テスト利用型選抜、一般・共通テスト併用型選抜
</t>
    <rPh sb="0" eb="4">
      <t>イッパンセンバツ</t>
    </rPh>
    <rPh sb="5" eb="7">
      <t>キョウツウ</t>
    </rPh>
    <rPh sb="10" eb="12">
      <t>リヨウ</t>
    </rPh>
    <rPh sb="12" eb="13">
      <t>ガタ</t>
    </rPh>
    <rPh sb="13" eb="15">
      <t>センバツ</t>
    </rPh>
    <rPh sb="16" eb="18">
      <t>イッパン</t>
    </rPh>
    <rPh sb="19" eb="21">
      <t>キョウツウ</t>
    </rPh>
    <rPh sb="24" eb="27">
      <t>ヘイヨウガタ</t>
    </rPh>
    <rPh sb="27" eb="29">
      <t>センバツ</t>
    </rPh>
    <phoneticPr fontId="4"/>
  </si>
  <si>
    <t>2級
1950</t>
    <rPh sb="1" eb="2">
      <t>キュウ</t>
    </rPh>
    <phoneticPr fontId="4"/>
  </si>
  <si>
    <t>全学部</t>
    <rPh sb="0" eb="3">
      <t>ゼンガクブ</t>
    </rPh>
    <phoneticPr fontId="4"/>
  </si>
  <si>
    <t>●</t>
    <phoneticPr fontId="4"/>
  </si>
  <si>
    <t>★</t>
    <phoneticPr fontId="4"/>
  </si>
  <si>
    <t>全学部</t>
    <rPh sb="0" eb="3">
      <t>ゼンガクブ</t>
    </rPh>
    <phoneticPr fontId="4"/>
  </si>
  <si>
    <t>日本国際学園</t>
    <rPh sb="0" eb="6">
      <t>ニホンコクサイガクエン</t>
    </rPh>
    <phoneticPr fontId="4"/>
  </si>
  <si>
    <t>九州医療科学</t>
    <rPh sb="0" eb="2">
      <t>キュウシュウ</t>
    </rPh>
    <rPh sb="2" eb="4">
      <t>イリョウ</t>
    </rPh>
    <rPh sb="4" eb="6">
      <t>カガク</t>
    </rPh>
    <phoneticPr fontId="4"/>
  </si>
  <si>
    <t>680
※</t>
    <phoneticPr fontId="4"/>
  </si>
  <si>
    <t>○</t>
    <phoneticPr fontId="4"/>
  </si>
  <si>
    <t>一般入試、共通テスト利用、共通テストプラス</t>
    <rPh sb="2" eb="4">
      <t>ニュウシ</t>
    </rPh>
    <rPh sb="10" eb="12">
      <t>リヨウ</t>
    </rPh>
    <rPh sb="13" eb="15">
      <t>キョウツウ</t>
    </rPh>
    <phoneticPr fontId="4"/>
  </si>
  <si>
    <t>一般選抜、大学入学共通テスト利用選抜</t>
    <rPh sb="0" eb="2">
      <t>イッパン</t>
    </rPh>
    <rPh sb="2" eb="4">
      <t>センバツ</t>
    </rPh>
    <rPh sb="16" eb="18">
      <t>センバツ</t>
    </rPh>
    <phoneticPr fontId="4"/>
  </si>
  <si>
    <t>英語外部検定利用型</t>
    <rPh sb="0" eb="2">
      <t>エイゴ</t>
    </rPh>
    <rPh sb="2" eb="6">
      <t>ガイブケンテイ</t>
    </rPh>
    <rPh sb="6" eb="9">
      <t>リヨウガタ</t>
    </rPh>
    <phoneticPr fontId="4"/>
  </si>
  <si>
    <t>全学部</t>
    <rPh sb="0" eb="3">
      <t>ゼンガクブ</t>
    </rPh>
    <phoneticPr fontId="5"/>
  </si>
  <si>
    <t>全学部</t>
    <rPh sb="0" eb="3">
      <t>ゼンガクブ</t>
    </rPh>
    <phoneticPr fontId="4"/>
  </si>
  <si>
    <t>一般選抜、特待生選抜</t>
    <rPh sb="0" eb="4">
      <t>イッパンセンバツ</t>
    </rPh>
    <rPh sb="5" eb="10">
      <t>トクタイセイセンバツ</t>
    </rPh>
    <phoneticPr fontId="4"/>
  </si>
  <si>
    <t>△</t>
    <phoneticPr fontId="4"/>
  </si>
  <si>
    <t>国際文化</t>
    <rPh sb="0" eb="4">
      <t>コクサイブンカ</t>
    </rPh>
    <phoneticPr fontId="4"/>
  </si>
  <si>
    <t>情報メディア</t>
    <rPh sb="0" eb="2">
      <t>ジョウホウ</t>
    </rPh>
    <phoneticPr fontId="4"/>
  </si>
  <si>
    <t>一般選抜</t>
    <rPh sb="0" eb="4">
      <t>イッパンセンバツ</t>
    </rPh>
    <phoneticPr fontId="4"/>
  </si>
  <si>
    <t>△</t>
    <phoneticPr fontId="4"/>
  </si>
  <si>
    <t>準2級</t>
    <rPh sb="0" eb="1">
      <t>ジュン</t>
    </rPh>
    <rPh sb="2" eb="3">
      <t>キュウ</t>
    </rPh>
    <phoneticPr fontId="4"/>
  </si>
  <si>
    <t>A2</t>
    <phoneticPr fontId="4"/>
  </si>
  <si>
    <t>独自入試（２教科型グローバル教育プログラム統一入試）</t>
    <rPh sb="0" eb="2">
      <t>ドクジ</t>
    </rPh>
    <rPh sb="2" eb="4">
      <t>ニュウシ</t>
    </rPh>
    <rPh sb="6" eb="9">
      <t>キョウカガタ</t>
    </rPh>
    <rPh sb="14" eb="16">
      <t>キョウイク</t>
    </rPh>
    <rPh sb="21" eb="23">
      <t>トウイツ</t>
    </rPh>
    <rPh sb="23" eb="25">
      <t>ニュウシ</t>
    </rPh>
    <phoneticPr fontId="4"/>
  </si>
  <si>
    <t>全学部</t>
    <rPh sb="0" eb="3">
      <t>ゼンガクブ</t>
    </rPh>
    <phoneticPr fontId="4"/>
  </si>
  <si>
    <t>△</t>
    <phoneticPr fontId="4"/>
  </si>
  <si>
    <t>690
※</t>
    <phoneticPr fontId="4"/>
  </si>
  <si>
    <t>930
※</t>
    <phoneticPr fontId="18"/>
  </si>
  <si>
    <t>930
CBT</t>
    <phoneticPr fontId="4"/>
  </si>
  <si>
    <t>理（物理）</t>
    <rPh sb="0" eb="1">
      <t>リ</t>
    </rPh>
    <rPh sb="2" eb="4">
      <t>ブツリ</t>
    </rPh>
    <phoneticPr fontId="4"/>
  </si>
  <si>
    <t>準2級
1800</t>
    <rPh sb="0" eb="1">
      <t>ジュン</t>
    </rPh>
    <rPh sb="2" eb="3">
      <t>キュウ</t>
    </rPh>
    <phoneticPr fontId="18"/>
  </si>
  <si>
    <t>個別試験「英語」の得点に換算（80または100点）（受験した場合は高得点の方を利用）</t>
    <rPh sb="0" eb="2">
      <t>コベツ</t>
    </rPh>
    <rPh sb="2" eb="4">
      <t>シケン</t>
    </rPh>
    <rPh sb="5" eb="7">
      <t>エイゴ</t>
    </rPh>
    <rPh sb="9" eb="11">
      <t>トクテン</t>
    </rPh>
    <rPh sb="12" eb="14">
      <t>カンザン</t>
    </rPh>
    <rPh sb="23" eb="24">
      <t>テン</t>
    </rPh>
    <rPh sb="26" eb="28">
      <t>ジュケン</t>
    </rPh>
    <rPh sb="30" eb="32">
      <t>バアイ</t>
    </rPh>
    <rPh sb="33" eb="36">
      <t>コウトクテン</t>
    </rPh>
    <rPh sb="37" eb="38">
      <t>ホウ</t>
    </rPh>
    <rPh sb="39" eb="41">
      <t>リヨウ</t>
    </rPh>
    <phoneticPr fontId="4"/>
  </si>
  <si>
    <t>個別試験「外国語」の得点に換算（50～100％）（受験した場合は高得点の方を利用）</t>
    <rPh sb="5" eb="8">
      <t>ガイコクゴ</t>
    </rPh>
    <phoneticPr fontId="4"/>
  </si>
  <si>
    <t>一般選抜（１期）</t>
    <rPh sb="0" eb="2">
      <t>イッパン</t>
    </rPh>
    <rPh sb="2" eb="4">
      <t>センバツ</t>
    </rPh>
    <rPh sb="6" eb="7">
      <t>キ</t>
    </rPh>
    <phoneticPr fontId="4"/>
  </si>
  <si>
    <t>930
Ad
CBT</t>
    <phoneticPr fontId="4"/>
  </si>
  <si>
    <t>国際政治経済</t>
    <rPh sb="0" eb="2">
      <t>コクサイ</t>
    </rPh>
    <rPh sb="2" eb="4">
      <t>セイジ</t>
    </rPh>
    <rPh sb="4" eb="6">
      <t>ケイザイ</t>
    </rPh>
    <phoneticPr fontId="4"/>
  </si>
  <si>
    <t>個別試験の得点に加点（最大100点）</t>
    <rPh sb="8" eb="10">
      <t>カテン</t>
    </rPh>
    <rPh sb="11" eb="13">
      <t>サイダイ</t>
    </rPh>
    <rPh sb="16" eb="17">
      <t>テン</t>
    </rPh>
    <phoneticPr fontId="4"/>
  </si>
  <si>
    <t>680
※2</t>
    <phoneticPr fontId="4"/>
  </si>
  <si>
    <t>一般選抜（統一試験）</t>
    <rPh sb="0" eb="2">
      <t>イッパン</t>
    </rPh>
    <rPh sb="2" eb="4">
      <t>センバツ</t>
    </rPh>
    <rPh sb="5" eb="7">
      <t>トウイツ</t>
    </rPh>
    <rPh sb="7" eb="9">
      <t>シケン</t>
    </rPh>
    <phoneticPr fontId="4"/>
  </si>
  <si>
    <t>全学部</t>
    <rPh sb="0" eb="3">
      <t>ゼンガクブ</t>
    </rPh>
    <phoneticPr fontId="4"/>
  </si>
  <si>
    <t>一般選抜（後期英語・フランス語資格試験方式）</t>
    <rPh sb="0" eb="4">
      <t>イッパンセンバツ</t>
    </rPh>
    <rPh sb="5" eb="7">
      <t>コウキ</t>
    </rPh>
    <rPh sb="7" eb="9">
      <t>エイゴ</t>
    </rPh>
    <rPh sb="14" eb="15">
      <t>ゴ</t>
    </rPh>
    <rPh sb="15" eb="19">
      <t>シカクシケン</t>
    </rPh>
    <rPh sb="19" eb="21">
      <t>ホウシキ</t>
    </rPh>
    <phoneticPr fontId="4"/>
  </si>
  <si>
    <t>★</t>
    <phoneticPr fontId="4"/>
  </si>
  <si>
    <t>△</t>
    <phoneticPr fontId="4"/>
  </si>
  <si>
    <t>FCE</t>
    <phoneticPr fontId="4"/>
  </si>
  <si>
    <t>準1級</t>
    <rPh sb="0" eb="1">
      <t>ジュン</t>
    </rPh>
    <rPh sb="2" eb="3">
      <t>キュウ</t>
    </rPh>
    <phoneticPr fontId="4"/>
  </si>
  <si>
    <t>一般選抜</t>
    <rPh sb="0" eb="2">
      <t>イッパン</t>
    </rPh>
    <rPh sb="2" eb="4">
      <t>センバツ</t>
    </rPh>
    <phoneticPr fontId="4"/>
  </si>
  <si>
    <t>全学部</t>
    <rPh sb="0" eb="3">
      <t>ゼンガクブ</t>
    </rPh>
    <phoneticPr fontId="4"/>
  </si>
  <si>
    <t>一般選抜（Ａ・Ｂ）</t>
    <rPh sb="0" eb="2">
      <t>イッパン</t>
    </rPh>
    <rPh sb="2" eb="4">
      <t>センバツ</t>
    </rPh>
    <phoneticPr fontId="4"/>
  </si>
  <si>
    <t>△</t>
    <phoneticPr fontId="4"/>
  </si>
  <si>
    <t>個別試験「英語」の得点に換算（70～100点）（受験した場合は高得点の方を利用）</t>
    <rPh sb="0" eb="2">
      <t>コベツ</t>
    </rPh>
    <rPh sb="2" eb="4">
      <t>シケン</t>
    </rPh>
    <rPh sb="9" eb="11">
      <t>トクテン</t>
    </rPh>
    <rPh sb="12" eb="14">
      <t>カンサン</t>
    </rPh>
    <rPh sb="21" eb="22">
      <t>テン</t>
    </rPh>
    <rPh sb="24" eb="26">
      <t>ジュケン</t>
    </rPh>
    <rPh sb="28" eb="30">
      <t>バアイ</t>
    </rPh>
    <rPh sb="31" eb="34">
      <t>コウトクテン</t>
    </rPh>
    <rPh sb="35" eb="36">
      <t>ホウ</t>
    </rPh>
    <rPh sb="37" eb="39">
      <t>リヨウ</t>
    </rPh>
    <phoneticPr fontId="4"/>
  </si>
  <si>
    <t>帝塚山</t>
    <phoneticPr fontId="4"/>
  </si>
  <si>
    <t>○</t>
    <phoneticPr fontId="4"/>
  </si>
  <si>
    <t>680
※</t>
    <phoneticPr fontId="4"/>
  </si>
  <si>
    <t>△</t>
    <phoneticPr fontId="4"/>
  </si>
  <si>
    <t>2級
1980</t>
    <rPh sb="1" eb="2">
      <t>キュウ</t>
    </rPh>
    <phoneticPr fontId="4"/>
  </si>
  <si>
    <t>930
※</t>
    <phoneticPr fontId="4"/>
  </si>
  <si>
    <t>全学部</t>
    <rPh sb="0" eb="3">
      <t>ゼンガクブ</t>
    </rPh>
    <phoneticPr fontId="4"/>
  </si>
  <si>
    <t>一般選抜（前期）</t>
    <rPh sb="0" eb="2">
      <t>イッパン</t>
    </rPh>
    <rPh sb="2" eb="4">
      <t>センバツ</t>
    </rPh>
    <rPh sb="5" eb="7">
      <t>ゼンキ</t>
    </rPh>
    <phoneticPr fontId="4"/>
  </si>
  <si>
    <t>△</t>
    <phoneticPr fontId="4"/>
  </si>
  <si>
    <t>準2級</t>
    <rPh sb="0" eb="1">
      <t>ジュン</t>
    </rPh>
    <rPh sb="2" eb="3">
      <t>キュウ</t>
    </rPh>
    <phoneticPr fontId="4"/>
  </si>
  <si>
    <t>全学部</t>
    <rPh sb="0" eb="3">
      <t>ゼンガクブ</t>
    </rPh>
    <phoneticPr fontId="4"/>
  </si>
  <si>
    <t>一般選抜（前期Ｃ－Ⅱ方式）</t>
    <rPh sb="0" eb="2">
      <t>イッパン</t>
    </rPh>
    <rPh sb="2" eb="4">
      <t>センバツ</t>
    </rPh>
    <rPh sb="5" eb="7">
      <t>ゼンキ</t>
    </rPh>
    <rPh sb="10" eb="12">
      <t>ホウシキ</t>
    </rPh>
    <phoneticPr fontId="4"/>
  </si>
  <si>
    <t>PET
140</t>
    <phoneticPr fontId="4"/>
  </si>
  <si>
    <t>1180
※</t>
    <phoneticPr fontId="4"/>
  </si>
  <si>
    <t>全学部</t>
    <rPh sb="0" eb="3">
      <t>ゼンガクブ</t>
    </rPh>
    <phoneticPr fontId="4"/>
  </si>
  <si>
    <t>△</t>
    <phoneticPr fontId="4"/>
  </si>
  <si>
    <t>準2級</t>
    <rPh sb="0" eb="1">
      <t>ジュン</t>
    </rPh>
    <rPh sb="2" eb="3">
      <t>キュウ</t>
    </rPh>
    <phoneticPr fontId="4"/>
  </si>
  <si>
    <t>全学部</t>
    <rPh sb="0" eb="3">
      <t>ゼンガクブ</t>
    </rPh>
    <phoneticPr fontId="4"/>
  </si>
  <si>
    <t>個別試験「英語」の得点に換算（70～100点）（受験した場合は高得点の方を利用）</t>
    <rPh sb="0" eb="2">
      <t>コベツ</t>
    </rPh>
    <rPh sb="2" eb="4">
      <t>シケン</t>
    </rPh>
    <rPh sb="5" eb="7">
      <t>エイゴ</t>
    </rPh>
    <rPh sb="9" eb="11">
      <t>トクテン</t>
    </rPh>
    <rPh sb="12" eb="14">
      <t>カンサン</t>
    </rPh>
    <rPh sb="21" eb="22">
      <t>テン</t>
    </rPh>
    <rPh sb="24" eb="26">
      <t>ジュケン</t>
    </rPh>
    <rPh sb="28" eb="30">
      <t>バアイ</t>
    </rPh>
    <rPh sb="31" eb="34">
      <t>コウトクテン</t>
    </rPh>
    <rPh sb="35" eb="36">
      <t>ホウ</t>
    </rPh>
    <rPh sb="37" eb="39">
      <t>リヨウ</t>
    </rPh>
    <phoneticPr fontId="4"/>
  </si>
  <si>
    <t>全学部</t>
    <rPh sb="0" eb="3">
      <t>ゼンガクブ</t>
    </rPh>
    <phoneticPr fontId="4"/>
  </si>
  <si>
    <t>△</t>
    <phoneticPr fontId="4"/>
  </si>
  <si>
    <t>準2級</t>
    <rPh sb="0" eb="1">
      <t>ジュン</t>
    </rPh>
    <rPh sb="2" eb="3">
      <t>キュウ</t>
    </rPh>
    <phoneticPr fontId="4"/>
  </si>
  <si>
    <t>一般選抜</t>
    <rPh sb="0" eb="4">
      <t>イッパンセンバツ</t>
    </rPh>
    <phoneticPr fontId="4"/>
  </si>
  <si>
    <t>△</t>
    <phoneticPr fontId="4"/>
  </si>
  <si>
    <t>仙台青葉学院</t>
    <rPh sb="0" eb="2">
      <t>センダイ</t>
    </rPh>
    <rPh sb="2" eb="4">
      <t>アオバ</t>
    </rPh>
    <rPh sb="4" eb="6">
      <t>ガクイン</t>
    </rPh>
    <phoneticPr fontId="4"/>
  </si>
  <si>
    <t>△</t>
    <phoneticPr fontId="4"/>
  </si>
  <si>
    <t>個別試験「英語」の得点に換算（70～100％）（受験した場合は高得点の方を利用）
TOEICは他に技能ごとの基準あり</t>
    <rPh sb="0" eb="4">
      <t>コベツシケン</t>
    </rPh>
    <rPh sb="5" eb="7">
      <t>エイゴ</t>
    </rPh>
    <rPh sb="9" eb="11">
      <t>トクテン</t>
    </rPh>
    <rPh sb="12" eb="14">
      <t>カンサン</t>
    </rPh>
    <rPh sb="24" eb="26">
      <t>ジュケン</t>
    </rPh>
    <rPh sb="28" eb="30">
      <t>バアイ</t>
    </rPh>
    <rPh sb="31" eb="34">
      <t>コウトクテン</t>
    </rPh>
    <rPh sb="35" eb="36">
      <t>ホウ</t>
    </rPh>
    <rPh sb="37" eb="39">
      <t>リヨウ</t>
    </rPh>
    <rPh sb="47" eb="48">
      <t>タ</t>
    </rPh>
    <rPh sb="49" eb="51">
      <t>ギノウ</t>
    </rPh>
    <rPh sb="54" eb="56">
      <t>キジュン</t>
    </rPh>
    <phoneticPr fontId="4"/>
  </si>
  <si>
    <t>共通テスト「英語」の得点に換算（80～100％）（受験した場合は高得点の方を利用）
TOEICは他に技能ごとの基準あり</t>
    <rPh sb="0" eb="2">
      <t>キョウツウ</t>
    </rPh>
    <rPh sb="6" eb="8">
      <t>エイゴ</t>
    </rPh>
    <rPh sb="10" eb="12">
      <t>トクテン</t>
    </rPh>
    <rPh sb="13" eb="15">
      <t>カンサン</t>
    </rPh>
    <rPh sb="25" eb="27">
      <t>ジュケン</t>
    </rPh>
    <rPh sb="29" eb="31">
      <t>バアイ</t>
    </rPh>
    <rPh sb="32" eb="35">
      <t>コウトクテン</t>
    </rPh>
    <rPh sb="36" eb="37">
      <t>ホウ</t>
    </rPh>
    <rPh sb="38" eb="40">
      <t>リヨウ</t>
    </rPh>
    <rPh sb="48" eb="49">
      <t>タ</t>
    </rPh>
    <rPh sb="50" eb="52">
      <t>ギノウ</t>
    </rPh>
    <rPh sb="55" eb="57">
      <t>キジュン</t>
    </rPh>
    <phoneticPr fontId="4"/>
  </si>
  <si>
    <t>全学部統一入試、データサイエンスコース入試（全学部統一入試利用）</t>
    <rPh sb="5" eb="7">
      <t>ニュウシ</t>
    </rPh>
    <rPh sb="19" eb="21">
      <t>ニュウシ</t>
    </rPh>
    <rPh sb="22" eb="25">
      <t>ゼンガクブ</t>
    </rPh>
    <rPh sb="25" eb="27">
      <t>トウイツ</t>
    </rPh>
    <rPh sb="27" eb="29">
      <t>ニュウシ</t>
    </rPh>
    <rPh sb="29" eb="31">
      <t>リヨウ</t>
    </rPh>
    <phoneticPr fontId="4"/>
  </si>
  <si>
    <t>共通テスト利用入試、データサイエンスコース入試（共通テスト利用）</t>
    <rPh sb="0" eb="2">
      <t>キョウツウ</t>
    </rPh>
    <rPh sb="5" eb="7">
      <t>リヨウ</t>
    </rPh>
    <rPh sb="7" eb="9">
      <t>ニュウシ</t>
    </rPh>
    <rPh sb="21" eb="23">
      <t>ニュウシ</t>
    </rPh>
    <rPh sb="24" eb="26">
      <t>キョウツウ</t>
    </rPh>
    <rPh sb="29" eb="31">
      <t>リヨウ</t>
    </rPh>
    <phoneticPr fontId="4"/>
  </si>
  <si>
    <t>グローバルコース入試（共通テスト利用）、グローバルビジネスコース入試（共通テスト利用）、グローバルデータサイエンスコース入試（共通テスト利用・全学部統一入試利用）</t>
    <rPh sb="8" eb="10">
      <t>ニュウシ</t>
    </rPh>
    <rPh sb="11" eb="13">
      <t>キョウツウ</t>
    </rPh>
    <rPh sb="16" eb="18">
      <t>リヨウ</t>
    </rPh>
    <rPh sb="35" eb="37">
      <t>キョウツウ</t>
    </rPh>
    <rPh sb="40" eb="42">
      <t>リヨウ</t>
    </rPh>
    <rPh sb="60" eb="62">
      <t>ニュウシ</t>
    </rPh>
    <rPh sb="63" eb="65">
      <t>キョウツウ</t>
    </rPh>
    <rPh sb="68" eb="70">
      <t>リヨウ</t>
    </rPh>
    <rPh sb="71" eb="74">
      <t>ゼンガクブ</t>
    </rPh>
    <rPh sb="74" eb="76">
      <t>トウイツ</t>
    </rPh>
    <rPh sb="76" eb="78">
      <t>ニュウシ</t>
    </rPh>
    <rPh sb="78" eb="80">
      <t>リヨウ</t>
    </rPh>
    <phoneticPr fontId="4"/>
  </si>
  <si>
    <t>全学部</t>
    <rPh sb="0" eb="3">
      <t>ゼンガクブ</t>
    </rPh>
    <phoneticPr fontId="4"/>
  </si>
  <si>
    <t>一般選抜</t>
    <rPh sb="0" eb="2">
      <t>イッパン</t>
    </rPh>
    <rPh sb="2" eb="4">
      <t>センバツ</t>
    </rPh>
    <phoneticPr fontId="4"/>
  </si>
  <si>
    <t>680
※</t>
    <phoneticPr fontId="4"/>
  </si>
  <si>
    <t>930
※</t>
    <phoneticPr fontId="4"/>
  </si>
  <si>
    <t>930
※</t>
    <phoneticPr fontId="4"/>
  </si>
  <si>
    <t>一般選抜（ＡＢ日程）</t>
    <rPh sb="0" eb="2">
      <t>イッパン</t>
    </rPh>
    <rPh sb="2" eb="4">
      <t>センバツ</t>
    </rPh>
    <rPh sb="7" eb="9">
      <t>ニッテイ</t>
    </rPh>
    <phoneticPr fontId="4"/>
  </si>
  <si>
    <t>全学部</t>
    <rPh sb="0" eb="3">
      <t>ゼンガクブ</t>
    </rPh>
    <phoneticPr fontId="4"/>
  </si>
  <si>
    <t>△</t>
    <phoneticPr fontId="4"/>
  </si>
  <si>
    <t>準2級</t>
    <rPh sb="0" eb="1">
      <t>ジュン</t>
    </rPh>
    <rPh sb="2" eb="3">
      <t>キュウ</t>
    </rPh>
    <phoneticPr fontId="4"/>
  </si>
  <si>
    <t>合否決定に際し考慮する</t>
    <rPh sb="0" eb="4">
      <t>ゴウヒケッテイ</t>
    </rPh>
    <rPh sb="5" eb="6">
      <t>サイ</t>
    </rPh>
    <rPh sb="7" eb="9">
      <t>コウリョ</t>
    </rPh>
    <phoneticPr fontId="4"/>
  </si>
  <si>
    <t>共通テスト「外国語」の得点を満点とみなす（共通テスト「外国語」の受験は必須）</t>
    <rPh sb="0" eb="2">
      <t>キョウツウ</t>
    </rPh>
    <rPh sb="6" eb="9">
      <t>ガイコクゴ</t>
    </rPh>
    <rPh sb="11" eb="13">
      <t>トクテン</t>
    </rPh>
    <rPh sb="14" eb="16">
      <t>マンテン</t>
    </rPh>
    <rPh sb="21" eb="23">
      <t>キョウツウ</t>
    </rPh>
    <rPh sb="27" eb="30">
      <t>ガイコクゴ</t>
    </rPh>
    <rPh sb="32" eb="34">
      <t>ジュケン</t>
    </rPh>
    <rPh sb="35" eb="37">
      <t>ヒッス</t>
    </rPh>
    <phoneticPr fontId="4"/>
  </si>
  <si>
    <t>調査書に加点（２～５点）
TOEICは他に技能ごとの基準あり</t>
    <rPh sb="0" eb="3">
      <t>チョウサショ</t>
    </rPh>
    <rPh sb="4" eb="6">
      <t>カテン</t>
    </rPh>
    <rPh sb="10" eb="11">
      <t>テン</t>
    </rPh>
    <rPh sb="19" eb="20">
      <t>タ</t>
    </rPh>
    <rPh sb="21" eb="23">
      <t>ギノウ</t>
    </rPh>
    <rPh sb="26" eb="28">
      <t>キジュン</t>
    </rPh>
    <phoneticPr fontId="4"/>
  </si>
  <si>
    <t>930
※</t>
    <phoneticPr fontId="4"/>
  </si>
  <si>
    <t>一般選抜、共通テスト利用選抜</t>
    <rPh sb="5" eb="7">
      <t>キョウツウ</t>
    </rPh>
    <rPh sb="10" eb="12">
      <t>リヨウ</t>
    </rPh>
    <rPh sb="12" eb="14">
      <t>センバツ</t>
    </rPh>
    <phoneticPr fontId="4"/>
  </si>
  <si>
    <t>音楽（ミュージック・リベラルアーツ、ミュージックビジネス・テクノロジー）</t>
    <rPh sb="0" eb="2">
      <t>オンガク</t>
    </rPh>
    <phoneticPr fontId="4"/>
  </si>
  <si>
    <t>一般選抜（英語４技能資格型）</t>
    <rPh sb="2" eb="4">
      <t>センバツ</t>
    </rPh>
    <rPh sb="5" eb="7">
      <t>エイゴ</t>
    </rPh>
    <rPh sb="8" eb="10">
      <t>ギノウ</t>
    </rPh>
    <rPh sb="10" eb="13">
      <t>シカクガタ</t>
    </rPh>
    <phoneticPr fontId="4"/>
  </si>
  <si>
    <t>680
※</t>
    <phoneticPr fontId="4"/>
  </si>
  <si>
    <t>共通テスト利用選抜</t>
    <rPh sb="7" eb="9">
      <t>センバツ</t>
    </rPh>
    <phoneticPr fontId="4"/>
  </si>
  <si>
    <t>看護</t>
    <rPh sb="0" eb="2">
      <t>カンゴ</t>
    </rPh>
    <phoneticPr fontId="4"/>
  </si>
  <si>
    <t>680
※</t>
    <phoneticPr fontId="4"/>
  </si>
  <si>
    <t>国際コミュニケーション、経済経営</t>
    <rPh sb="0" eb="2">
      <t>コクサイ</t>
    </rPh>
    <rPh sb="12" eb="14">
      <t>ケイザイ</t>
    </rPh>
    <rPh sb="14" eb="16">
      <t>ケイエイ</t>
    </rPh>
    <phoneticPr fontId="4"/>
  </si>
  <si>
    <t>個別試験「英語」の得点に換算（70または80点）（個別試験「英語」の受験は必須、高得点の方を利用）</t>
    <rPh sb="0" eb="2">
      <t>コベツ</t>
    </rPh>
    <rPh sb="2" eb="4">
      <t>シケン</t>
    </rPh>
    <rPh sb="5" eb="7">
      <t>エイゴ</t>
    </rPh>
    <rPh sb="9" eb="11">
      <t>トクテン</t>
    </rPh>
    <rPh sb="12" eb="14">
      <t>カンサン</t>
    </rPh>
    <rPh sb="22" eb="23">
      <t>テン</t>
    </rPh>
    <rPh sb="25" eb="27">
      <t>コベツ</t>
    </rPh>
    <rPh sb="27" eb="29">
      <t>シケン</t>
    </rPh>
    <rPh sb="30" eb="32">
      <t>エイゴ</t>
    </rPh>
    <rPh sb="34" eb="36">
      <t>ジュケン</t>
    </rPh>
    <rPh sb="37" eb="39">
      <t>ヒッス</t>
    </rPh>
    <rPh sb="40" eb="43">
      <t>コウトクテン</t>
    </rPh>
    <rPh sb="44" eb="45">
      <t>ホウ</t>
    </rPh>
    <rPh sb="46" eb="48">
      <t>リヨウ</t>
    </rPh>
    <phoneticPr fontId="4"/>
  </si>
  <si>
    <t>△</t>
    <phoneticPr fontId="4"/>
  </si>
  <si>
    <t>1180
CBT</t>
    <phoneticPr fontId="4"/>
  </si>
  <si>
    <t>B1</t>
    <phoneticPr fontId="4"/>
  </si>
  <si>
    <t>個別試験「英語」または「国語」の得点に換算（80～100％）（受験した場合は高得点の方を利用）</t>
    <rPh sb="5" eb="7">
      <t>エイゴ</t>
    </rPh>
    <rPh sb="12" eb="14">
      <t>コクゴ</t>
    </rPh>
    <phoneticPr fontId="4"/>
  </si>
  <si>
    <t>全方式（一般入試（Ａ日程総合判定方式、Ｂ日論理的思考力判定方式）を除く）</t>
    <rPh sb="0" eb="1">
      <t>ゼン</t>
    </rPh>
    <rPh sb="1" eb="3">
      <t>ホウシキ</t>
    </rPh>
    <rPh sb="4" eb="6">
      <t>イッパン</t>
    </rPh>
    <rPh sb="6" eb="8">
      <t>ニュウシ</t>
    </rPh>
    <rPh sb="10" eb="12">
      <t>ニッテイ</t>
    </rPh>
    <rPh sb="12" eb="14">
      <t>ソウゴウ</t>
    </rPh>
    <rPh sb="14" eb="16">
      <t>ハンテイ</t>
    </rPh>
    <rPh sb="16" eb="18">
      <t>ホウシキ</t>
    </rPh>
    <rPh sb="20" eb="21">
      <t>ニチ</t>
    </rPh>
    <rPh sb="21" eb="23">
      <t>ロンリ</t>
    </rPh>
    <rPh sb="23" eb="24">
      <t>テキ</t>
    </rPh>
    <rPh sb="24" eb="27">
      <t>シコウリョク</t>
    </rPh>
    <rPh sb="27" eb="29">
      <t>ハンテイ</t>
    </rPh>
    <rPh sb="29" eb="31">
      <t>ホウシキ</t>
    </rPh>
    <rPh sb="33" eb="34">
      <t>ノゾ</t>
    </rPh>
    <phoneticPr fontId="4"/>
  </si>
  <si>
    <t>大学独自選抜</t>
    <rPh sb="0" eb="2">
      <t>ダイガク</t>
    </rPh>
    <rPh sb="2" eb="4">
      <t>ドクジ</t>
    </rPh>
    <rPh sb="4" eb="6">
      <t>センバツ</t>
    </rPh>
    <phoneticPr fontId="4"/>
  </si>
  <si>
    <t>前期・後期</t>
    <rPh sb="3" eb="5">
      <t>コウキ</t>
    </rPh>
    <phoneticPr fontId="4"/>
  </si>
  <si>
    <t>共通テスト「英語」の得点に換算（70～90％）（共通テスト「英語」の受験は必須）
共通テスト「英語」の得点率が50％以上の受験者のみ対象</t>
    <rPh sb="0" eb="2">
      <t>キョウツウ</t>
    </rPh>
    <rPh sb="6" eb="8">
      <t>エイゴ</t>
    </rPh>
    <rPh sb="10" eb="12">
      <t>トクテン</t>
    </rPh>
    <rPh sb="13" eb="15">
      <t>カンサン</t>
    </rPh>
    <rPh sb="30" eb="32">
      <t>エイゴ</t>
    </rPh>
    <rPh sb="41" eb="43">
      <t>キョウツウ</t>
    </rPh>
    <rPh sb="47" eb="49">
      <t>エイゴ</t>
    </rPh>
    <rPh sb="51" eb="54">
      <t>トクテンリツ</t>
    </rPh>
    <rPh sb="58" eb="60">
      <t>イジョウ</t>
    </rPh>
    <rPh sb="61" eb="64">
      <t>ジュケンシャ</t>
    </rPh>
    <rPh sb="66" eb="68">
      <t>タイショウ</t>
    </rPh>
    <phoneticPr fontId="4"/>
  </si>
  <si>
    <t>680
※</t>
    <phoneticPr fontId="4"/>
  </si>
  <si>
    <t>前期、前期共通テストプラス</t>
    <rPh sb="3" eb="5">
      <t>ゼンキ</t>
    </rPh>
    <rPh sb="5" eb="7">
      <t>キョウツウ</t>
    </rPh>
    <phoneticPr fontId="4"/>
  </si>
  <si>
    <t>△</t>
    <phoneticPr fontId="4"/>
  </si>
  <si>
    <t xml:space="preserve">準2級
1728
</t>
    <rPh sb="0" eb="1">
      <t>ジュン</t>
    </rPh>
    <rPh sb="2" eb="3">
      <t>キュウ</t>
    </rPh>
    <phoneticPr fontId="4"/>
  </si>
  <si>
    <t>A2</t>
    <phoneticPr fontId="18"/>
  </si>
  <si>
    <t>B1</t>
    <phoneticPr fontId="4"/>
  </si>
  <si>
    <t xml:space="preserve">英検は準２級受検者が対象
英語学科はTEAP CBTも可
</t>
    <rPh sb="0" eb="2">
      <t>エイケン</t>
    </rPh>
    <rPh sb="3" eb="4">
      <t>ジュン</t>
    </rPh>
    <rPh sb="5" eb="6">
      <t>キュウ</t>
    </rPh>
    <rPh sb="6" eb="8">
      <t>ジュケン</t>
    </rPh>
    <rPh sb="8" eb="9">
      <t>シャ</t>
    </rPh>
    <rPh sb="10" eb="12">
      <t>タイショウ</t>
    </rPh>
    <rPh sb="13" eb="15">
      <t>エイゴ</t>
    </rPh>
    <rPh sb="15" eb="17">
      <t>ガッカ</t>
    </rPh>
    <rPh sb="27" eb="28">
      <t>カ</t>
    </rPh>
    <phoneticPr fontId="4"/>
  </si>
  <si>
    <t>個別試験「英語」の得点に換算（70～100点）（受験した場合は高得点の方を利用）</t>
    <rPh sb="21" eb="22">
      <t>テン</t>
    </rPh>
    <phoneticPr fontId="5"/>
  </si>
  <si>
    <t>A2</t>
    <phoneticPr fontId="4"/>
  </si>
  <si>
    <t>一般選抜（前期）、スカラシップ（特待生）選抜</t>
    <rPh sb="2" eb="4">
      <t>センバツ</t>
    </rPh>
    <rPh sb="5" eb="7">
      <t>ゼンキ</t>
    </rPh>
    <rPh sb="16" eb="18">
      <t>トクタイ</t>
    </rPh>
    <rPh sb="18" eb="19">
      <t>セイ</t>
    </rPh>
    <rPh sb="20" eb="22">
      <t>センバツ</t>
    </rPh>
    <phoneticPr fontId="4"/>
  </si>
  <si>
    <t>全学部</t>
    <rPh sb="0" eb="3">
      <t>ゼンガクブ</t>
    </rPh>
    <phoneticPr fontId="4"/>
  </si>
  <si>
    <t>個別試験「英語」の得点に換算（80～100点）（受験した場合は高得点の方を利用）</t>
    <phoneticPr fontId="4"/>
  </si>
  <si>
    <t>PET
140</t>
    <phoneticPr fontId="4"/>
  </si>
  <si>
    <t>個別試験「英語」の得点に換算（70～90％）（個別試験「英語」の受験は必須、高得点の方を利用）
英検は準２級以上受検者が対象</t>
    <rPh sb="0" eb="2">
      <t>コベツ</t>
    </rPh>
    <rPh sb="2" eb="4">
      <t>シケン</t>
    </rPh>
    <rPh sb="5" eb="7">
      <t>エイゴ</t>
    </rPh>
    <rPh sb="9" eb="11">
      <t>トクテン</t>
    </rPh>
    <rPh sb="12" eb="14">
      <t>カンサン</t>
    </rPh>
    <rPh sb="23" eb="25">
      <t>コベツ</t>
    </rPh>
    <rPh sb="25" eb="27">
      <t>シケン</t>
    </rPh>
    <rPh sb="28" eb="30">
      <t>エイゴ</t>
    </rPh>
    <rPh sb="32" eb="34">
      <t>ジュケン</t>
    </rPh>
    <rPh sb="35" eb="37">
      <t>ヒッス</t>
    </rPh>
    <rPh sb="38" eb="41">
      <t>コウトクテン</t>
    </rPh>
    <rPh sb="42" eb="43">
      <t>ホウ</t>
    </rPh>
    <rPh sb="44" eb="46">
      <t>リヨウ</t>
    </rPh>
    <rPh sb="48" eb="50">
      <t>エイケン</t>
    </rPh>
    <rPh sb="51" eb="52">
      <t>ジュン</t>
    </rPh>
    <rPh sb="53" eb="54">
      <t>キュウ</t>
    </rPh>
    <rPh sb="54" eb="56">
      <t>イジョウ</t>
    </rPh>
    <rPh sb="56" eb="58">
      <t>ジュケン</t>
    </rPh>
    <rPh sb="58" eb="59">
      <t>シャ</t>
    </rPh>
    <rPh sb="60" eb="62">
      <t>タイショウ</t>
    </rPh>
    <phoneticPr fontId="4"/>
  </si>
  <si>
    <t>全学統一選抜、一般選抜</t>
    <rPh sb="0" eb="2">
      <t>ゼンガク</t>
    </rPh>
    <rPh sb="2" eb="4">
      <t>トウイツ</t>
    </rPh>
    <rPh sb="4" eb="6">
      <t>センバツ</t>
    </rPh>
    <rPh sb="9" eb="11">
      <t>センバツ</t>
    </rPh>
    <phoneticPr fontId="4"/>
  </si>
  <si>
    <t>外国語、経営、人間</t>
    <rPh sb="0" eb="3">
      <t>ガイコクゴ</t>
    </rPh>
    <rPh sb="4" eb="6">
      <t>ケイエイ</t>
    </rPh>
    <rPh sb="7" eb="9">
      <t>ニンゲン</t>
    </rPh>
    <phoneticPr fontId="4"/>
  </si>
  <si>
    <t>保健医療技術</t>
    <rPh sb="0" eb="6">
      <t>ホケンイリョウギジュツ</t>
    </rPh>
    <phoneticPr fontId="4"/>
  </si>
  <si>
    <t>大学が別途定めるスコアを満たす場合は、個別試験の得点に加点（５～40点※学部・学科により加点設定は異なる）
英検は２級以上受検者が対象</t>
    <rPh sb="0" eb="2">
      <t>ダイガク</t>
    </rPh>
    <rPh sb="3" eb="5">
      <t>ベット</t>
    </rPh>
    <rPh sb="5" eb="6">
      <t>サダ</t>
    </rPh>
    <rPh sb="12" eb="13">
      <t>ミ</t>
    </rPh>
    <rPh sb="15" eb="17">
      <t>バアイ</t>
    </rPh>
    <rPh sb="19" eb="21">
      <t>コベツ</t>
    </rPh>
    <rPh sb="21" eb="23">
      <t>シケン</t>
    </rPh>
    <rPh sb="24" eb="26">
      <t>トクテン</t>
    </rPh>
    <rPh sb="27" eb="29">
      <t>カテン</t>
    </rPh>
    <rPh sb="34" eb="35">
      <t>テン</t>
    </rPh>
    <rPh sb="36" eb="38">
      <t>ガクブ</t>
    </rPh>
    <rPh sb="39" eb="41">
      <t>ガッカ</t>
    </rPh>
    <rPh sb="44" eb="46">
      <t>カテン</t>
    </rPh>
    <rPh sb="46" eb="48">
      <t>セッテイ</t>
    </rPh>
    <rPh sb="49" eb="50">
      <t>コト</t>
    </rPh>
    <rPh sb="54" eb="56">
      <t>エイケン</t>
    </rPh>
    <rPh sb="58" eb="59">
      <t>キュウ</t>
    </rPh>
    <rPh sb="59" eb="61">
      <t>イジョウ</t>
    </rPh>
    <rPh sb="61" eb="63">
      <t>ジュケン</t>
    </rPh>
    <rPh sb="63" eb="64">
      <t>シャ</t>
    </rPh>
    <rPh sb="65" eb="67">
      <t>タイショウ</t>
    </rPh>
    <phoneticPr fontId="4"/>
  </si>
  <si>
    <t>一般選抜、共通テスト利用入試、共通テスト併用型入試</t>
    <rPh sb="0" eb="2">
      <t>イッパン</t>
    </rPh>
    <rPh sb="2" eb="4">
      <t>センバツ</t>
    </rPh>
    <rPh sb="5" eb="7">
      <t>キョウツウ</t>
    </rPh>
    <rPh sb="10" eb="12">
      <t>リヨウ</t>
    </rPh>
    <rPh sb="12" eb="14">
      <t>ニュウシ</t>
    </rPh>
    <rPh sb="15" eb="17">
      <t>キョウツウ</t>
    </rPh>
    <rPh sb="20" eb="23">
      <t>ヘイヨウガタ</t>
    </rPh>
    <rPh sb="23" eb="25">
      <t>ニュウシ</t>
    </rPh>
    <phoneticPr fontId="4"/>
  </si>
  <si>
    <t>共通テスト「英語」の得点に換算（70～100点）（高得点の方を利用）</t>
    <rPh sb="0" eb="2">
      <t>キョウツウ</t>
    </rPh>
    <rPh sb="6" eb="8">
      <t>エイゴ</t>
    </rPh>
    <rPh sb="10" eb="12">
      <t>トクテン</t>
    </rPh>
    <rPh sb="13" eb="15">
      <t>カンサン</t>
    </rPh>
    <rPh sb="22" eb="23">
      <t>テン</t>
    </rPh>
    <phoneticPr fontId="4"/>
  </si>
  <si>
    <t>個別試験または共通テスト「英語」の得点に換算（80～100点）（個別試験または共通テスト「英語」の受験は必須、高得点の方を利用）</t>
    <rPh sb="0" eb="2">
      <t>コベツ</t>
    </rPh>
    <rPh sb="2" eb="4">
      <t>シケン</t>
    </rPh>
    <rPh sb="7" eb="9">
      <t>キョウツウ</t>
    </rPh>
    <rPh sb="13" eb="15">
      <t>エイゴ</t>
    </rPh>
    <rPh sb="17" eb="19">
      <t>トクテン</t>
    </rPh>
    <rPh sb="20" eb="22">
      <t>カンサン</t>
    </rPh>
    <rPh sb="29" eb="30">
      <t>テン</t>
    </rPh>
    <rPh sb="39" eb="41">
      <t>キョウツウ</t>
    </rPh>
    <rPh sb="55" eb="58">
      <t>コウトクテン</t>
    </rPh>
    <rPh sb="59" eb="60">
      <t>ホウ</t>
    </rPh>
    <rPh sb="61" eb="63">
      <t>リヨウ</t>
    </rPh>
    <phoneticPr fontId="4"/>
  </si>
  <si>
    <t>個別試験または共通テスト「英語（リスニングを除く）」の得点に換算（60～100点）（高得点の方を利用）</t>
    <rPh sb="22" eb="23">
      <t>ノゾ</t>
    </rPh>
    <phoneticPr fontId="4"/>
  </si>
  <si>
    <t>930
Ad
CBT
※</t>
    <phoneticPr fontId="4"/>
  </si>
  <si>
    <t>○</t>
    <phoneticPr fontId="4"/>
  </si>
  <si>
    <t>一般選抜、全学部統一選抜、共通テスト併用型（英語外部検定活用方式）</t>
    <rPh sb="2" eb="4">
      <t>センバツ</t>
    </rPh>
    <rPh sb="5" eb="8">
      <t>ゼンガクブ</t>
    </rPh>
    <rPh sb="8" eb="10">
      <t>トウイツ</t>
    </rPh>
    <rPh sb="10" eb="12">
      <t>センバツ</t>
    </rPh>
    <rPh sb="13" eb="15">
      <t>キョウツウ</t>
    </rPh>
    <rPh sb="18" eb="20">
      <t>ヘイヨウ</t>
    </rPh>
    <rPh sb="20" eb="21">
      <t>カタ</t>
    </rPh>
    <phoneticPr fontId="4"/>
  </si>
  <si>
    <t>共通テスト利用選抜（Ⅱ期）</t>
    <rPh sb="0" eb="2">
      <t>キョウツウ</t>
    </rPh>
    <rPh sb="5" eb="7">
      <t>リヨウ</t>
    </rPh>
    <rPh sb="7" eb="9">
      <t>センバツ</t>
    </rPh>
    <rPh sb="11" eb="12">
      <t>キ</t>
    </rPh>
    <phoneticPr fontId="4"/>
  </si>
  <si>
    <t xml:space="preserve">930
</t>
    <phoneticPr fontId="4"/>
  </si>
  <si>
    <t>○</t>
    <phoneticPr fontId="4"/>
  </si>
  <si>
    <t>医</t>
    <rPh sb="0" eb="1">
      <t>イ</t>
    </rPh>
    <phoneticPr fontId="4"/>
  </si>
  <si>
    <t>1180
Ad
CBT
※</t>
    <phoneticPr fontId="4"/>
  </si>
  <si>
    <t>全学部（グローバル（グローバルビジネス）を除く）</t>
    <rPh sb="0" eb="3">
      <t>ゼンガクブ</t>
    </rPh>
    <rPh sb="21" eb="22">
      <t>ノゾ</t>
    </rPh>
    <phoneticPr fontId="4"/>
  </si>
  <si>
    <t>グローバル（グローバルビジネス）</t>
    <phoneticPr fontId="4"/>
  </si>
  <si>
    <t>個別試験「英語」の得点に換算（60～95％）（個別試験「英語」の受験は必須、高得点の方を利用）</t>
    <rPh sb="0" eb="2">
      <t>コベツ</t>
    </rPh>
    <rPh sb="2" eb="4">
      <t>シケン</t>
    </rPh>
    <rPh sb="5" eb="7">
      <t>エイゴ</t>
    </rPh>
    <rPh sb="9" eb="11">
      <t>トクテン</t>
    </rPh>
    <rPh sb="12" eb="14">
      <t>カンザン</t>
    </rPh>
    <phoneticPr fontId="4"/>
  </si>
  <si>
    <t>680
※</t>
    <phoneticPr fontId="4"/>
  </si>
  <si>
    <t>一般選抜（後期２教科型＋面接型入試を除く）</t>
    <rPh sb="2" eb="4">
      <t>センバツ</t>
    </rPh>
    <rPh sb="5" eb="7">
      <t>コウキ</t>
    </rPh>
    <rPh sb="8" eb="10">
      <t>キョウカ</t>
    </rPh>
    <rPh sb="10" eb="11">
      <t>カタ</t>
    </rPh>
    <rPh sb="12" eb="15">
      <t>メンセツガタ</t>
    </rPh>
    <rPh sb="15" eb="17">
      <t>ニュウシ</t>
    </rPh>
    <rPh sb="18" eb="19">
      <t>ノゾ</t>
    </rPh>
    <phoneticPr fontId="4"/>
  </si>
  <si>
    <t>A2</t>
    <phoneticPr fontId="4"/>
  </si>
  <si>
    <t>教育（教科－英語教育）</t>
    <rPh sb="0" eb="2">
      <t>キョウイク</t>
    </rPh>
    <rPh sb="3" eb="5">
      <t>キョウカ</t>
    </rPh>
    <rPh sb="6" eb="8">
      <t>エイゴ</t>
    </rPh>
    <rPh sb="8" eb="10">
      <t>キョウイク</t>
    </rPh>
    <phoneticPr fontId="4"/>
  </si>
  <si>
    <t>全学部</t>
    <rPh sb="0" eb="3">
      <t>ゼンガクブ</t>
    </rPh>
    <phoneticPr fontId="4"/>
  </si>
  <si>
    <t>前期</t>
    <rPh sb="0" eb="2">
      <t>ゼンキ</t>
    </rPh>
    <phoneticPr fontId="4"/>
  </si>
  <si>
    <t>△</t>
    <phoneticPr fontId="4"/>
  </si>
  <si>
    <t>A2</t>
    <phoneticPr fontId="4"/>
  </si>
  <si>
    <t>一般選抜（全学部統一、３教科）、共通テスト利用前期</t>
    <rPh sb="0" eb="4">
      <t>イッパンセンバツ</t>
    </rPh>
    <rPh sb="5" eb="8">
      <t>ゼンガクブ</t>
    </rPh>
    <rPh sb="8" eb="10">
      <t>トウイツ</t>
    </rPh>
    <rPh sb="12" eb="14">
      <t>キョウカ</t>
    </rPh>
    <rPh sb="16" eb="18">
      <t>キョウツウ</t>
    </rPh>
    <rPh sb="21" eb="23">
      <t>リヨウ</t>
    </rPh>
    <rPh sb="23" eb="25">
      <t>ゼンキ</t>
    </rPh>
    <phoneticPr fontId="4"/>
  </si>
  <si>
    <t>個別試験「英語」または共通テスト「外国語」の得点に換算（70～100％）
英検は準２級以上受検者が対象</t>
    <rPh sb="22" eb="24">
      <t>トクテン</t>
    </rPh>
    <rPh sb="43" eb="45">
      <t>イジョウ</t>
    </rPh>
    <phoneticPr fontId="4"/>
  </si>
  <si>
    <t>680
Ad
CBT</t>
    <phoneticPr fontId="4"/>
  </si>
  <si>
    <t>一般選抜（前期・後期）</t>
    <rPh sb="2" eb="4">
      <t>センバツ</t>
    </rPh>
    <rPh sb="5" eb="7">
      <t>ゼンキ</t>
    </rPh>
    <rPh sb="8" eb="10">
      <t>コウキ</t>
    </rPh>
    <phoneticPr fontId="4"/>
  </si>
  <si>
    <t>930
Ad
Ba
CBT
※</t>
    <phoneticPr fontId="4"/>
  </si>
  <si>
    <t>930
※</t>
    <phoneticPr fontId="4"/>
  </si>
  <si>
    <t xml:space="preserve">680
※ </t>
    <phoneticPr fontId="4"/>
  </si>
  <si>
    <t>1260
CBT</t>
    <phoneticPr fontId="4"/>
  </si>
  <si>
    <t>個別試験「英語」の得点に換算（70～90点）（受験した場合は高得点の方を利用）
TOEICはS&amp;Wのスコアを2.5倍にして合算</t>
    <rPh sb="0" eb="4">
      <t>コベツシケン</t>
    </rPh>
    <rPh sb="5" eb="7">
      <t>エイゴ</t>
    </rPh>
    <rPh sb="9" eb="11">
      <t>トクテン</t>
    </rPh>
    <rPh sb="12" eb="14">
      <t>カンザン</t>
    </rPh>
    <rPh sb="20" eb="21">
      <t>テン</t>
    </rPh>
    <rPh sb="23" eb="25">
      <t>ジュケン</t>
    </rPh>
    <rPh sb="27" eb="29">
      <t>バアイ</t>
    </rPh>
    <rPh sb="30" eb="33">
      <t>コウトクテン</t>
    </rPh>
    <rPh sb="34" eb="35">
      <t>ホウ</t>
    </rPh>
    <rPh sb="36" eb="38">
      <t>リヨウ</t>
    </rPh>
    <phoneticPr fontId="4"/>
  </si>
  <si>
    <t>TOEICはS&amp;Wのスコアを2.5倍にして合算
※リンガスキルの利用可</t>
    <phoneticPr fontId="4"/>
  </si>
  <si>
    <t>全学部（国際を除く）</t>
    <rPh sb="0" eb="3">
      <t>ゼンガクブ</t>
    </rPh>
    <rPh sb="4" eb="6">
      <t>コクサイ</t>
    </rPh>
    <rPh sb="7" eb="8">
      <t>ノゾ</t>
    </rPh>
    <phoneticPr fontId="4"/>
  </si>
  <si>
    <t>△</t>
    <phoneticPr fontId="4"/>
  </si>
  <si>
    <t>2級</t>
    <rPh sb="1" eb="2">
      <t>キュウ</t>
    </rPh>
    <phoneticPr fontId="4"/>
  </si>
  <si>
    <t>全学部</t>
    <rPh sb="0" eb="3">
      <t>ゼンガクブ</t>
    </rPh>
    <phoneticPr fontId="4"/>
  </si>
  <si>
    <t>共通テスト利用入試</t>
    <rPh sb="0" eb="2">
      <t>キョウツウ</t>
    </rPh>
    <rPh sb="5" eb="7">
      <t>リヨウ</t>
    </rPh>
    <rPh sb="7" eb="9">
      <t>ニュウシ</t>
    </rPh>
    <phoneticPr fontId="4"/>
  </si>
  <si>
    <t>一般選抜、共通テスト利用入試、共通テストプラス型</t>
    <rPh sb="0" eb="2">
      <t>イッパン</t>
    </rPh>
    <rPh sb="2" eb="4">
      <t>センバツ</t>
    </rPh>
    <rPh sb="5" eb="7">
      <t>キョウツウ</t>
    </rPh>
    <rPh sb="10" eb="12">
      <t>リヨウ</t>
    </rPh>
    <rPh sb="12" eb="14">
      <t>ニュウシ</t>
    </rPh>
    <rPh sb="15" eb="17">
      <t>キョウツウ</t>
    </rPh>
    <rPh sb="23" eb="24">
      <t>ガタ</t>
    </rPh>
    <phoneticPr fontId="4"/>
  </si>
  <si>
    <t>個別試験または共通テスト「英語」の得点に換算（60～100点）（個別試験または共通テスト「英語」の受験は必須、高得点の方を利用）</t>
    <rPh sb="0" eb="2">
      <t>コベツ</t>
    </rPh>
    <rPh sb="2" eb="4">
      <t>シケン</t>
    </rPh>
    <rPh sb="7" eb="9">
      <t>キョウツウ</t>
    </rPh>
    <rPh sb="13" eb="15">
      <t>エイゴ</t>
    </rPh>
    <rPh sb="17" eb="19">
      <t>トクテン</t>
    </rPh>
    <rPh sb="20" eb="22">
      <t>カンサン</t>
    </rPh>
    <rPh sb="29" eb="30">
      <t>テン</t>
    </rPh>
    <rPh sb="32" eb="34">
      <t>コベツ</t>
    </rPh>
    <rPh sb="34" eb="36">
      <t>シケン</t>
    </rPh>
    <rPh sb="45" eb="47">
      <t>エイゴ</t>
    </rPh>
    <rPh sb="49" eb="51">
      <t>ジュケン</t>
    </rPh>
    <rPh sb="52" eb="54">
      <t>ヒッス</t>
    </rPh>
    <rPh sb="55" eb="58">
      <t>コウトクテン</t>
    </rPh>
    <rPh sb="59" eb="60">
      <t>カタ</t>
    </rPh>
    <rPh sb="61" eb="63">
      <t>リヨウ</t>
    </rPh>
    <phoneticPr fontId="4"/>
  </si>
  <si>
    <t>個別試験「英語」の得点に換算（70～100点）（個別試験「英語」を受験した場合はそれぞれで合否判定を行う）</t>
    <rPh sb="0" eb="2">
      <t>コベツ</t>
    </rPh>
    <rPh sb="2" eb="4">
      <t>シケン</t>
    </rPh>
    <rPh sb="5" eb="7">
      <t>エイゴ</t>
    </rPh>
    <rPh sb="9" eb="11">
      <t>トクテン</t>
    </rPh>
    <rPh sb="12" eb="14">
      <t>カンサン</t>
    </rPh>
    <rPh sb="21" eb="22">
      <t>テン</t>
    </rPh>
    <rPh sb="24" eb="26">
      <t>コベツ</t>
    </rPh>
    <rPh sb="26" eb="28">
      <t>シケン</t>
    </rPh>
    <rPh sb="29" eb="31">
      <t>エイゴ</t>
    </rPh>
    <rPh sb="33" eb="35">
      <t>ジュケン</t>
    </rPh>
    <rPh sb="37" eb="39">
      <t>バアイ</t>
    </rPh>
    <rPh sb="45" eb="47">
      <t>ゴウヒ</t>
    </rPh>
    <rPh sb="47" eb="49">
      <t>ハンテイ</t>
    </rPh>
    <rPh sb="50" eb="51">
      <t>オコナ</t>
    </rPh>
    <phoneticPr fontId="4"/>
  </si>
  <si>
    <t>760
※</t>
    <phoneticPr fontId="4"/>
  </si>
  <si>
    <t>680
Ad
CBT</t>
    <phoneticPr fontId="4"/>
  </si>
  <si>
    <t>一般選抜（Ａ日程３教科型）</t>
    <rPh sb="2" eb="4">
      <t>センバツ</t>
    </rPh>
    <rPh sb="6" eb="8">
      <t>ニッテイ</t>
    </rPh>
    <rPh sb="9" eb="12">
      <t>キョウカガタ</t>
    </rPh>
    <phoneticPr fontId="4"/>
  </si>
  <si>
    <t>個別試験「英語」の得点に換算（65～100％）（個別試験「英語」の受験は必須、高得点の方を利用）
TOEICはS&amp;Wのスコアを2.5倍にして合算</t>
    <rPh sb="0" eb="4">
      <t>コベツシケン</t>
    </rPh>
    <rPh sb="5" eb="7">
      <t>エイゴ</t>
    </rPh>
    <rPh sb="9" eb="11">
      <t>トクテン</t>
    </rPh>
    <rPh sb="12" eb="14">
      <t>カンサン</t>
    </rPh>
    <rPh sb="24" eb="28">
      <t>コベツシケン</t>
    </rPh>
    <rPh sb="29" eb="31">
      <t>エイゴ</t>
    </rPh>
    <rPh sb="33" eb="35">
      <t>ジュケン</t>
    </rPh>
    <rPh sb="36" eb="38">
      <t>ヒッス</t>
    </rPh>
    <rPh sb="39" eb="42">
      <t>コウトクテン</t>
    </rPh>
    <rPh sb="43" eb="44">
      <t>ホウ</t>
    </rPh>
    <rPh sb="45" eb="47">
      <t>リヨウ</t>
    </rPh>
    <phoneticPr fontId="4"/>
  </si>
  <si>
    <t>大学入学共通テスト利用（前期Ｃ方式）</t>
    <rPh sb="12" eb="14">
      <t>ゼンキ</t>
    </rPh>
    <rPh sb="15" eb="17">
      <t>ホウシキ</t>
    </rPh>
    <phoneticPr fontId="4"/>
  </si>
  <si>
    <t>全学部</t>
    <rPh sb="0" eb="3">
      <t>ゼンガクブ</t>
    </rPh>
    <phoneticPr fontId="4"/>
  </si>
  <si>
    <t>680
CBT</t>
    <phoneticPr fontId="4"/>
  </si>
  <si>
    <t xml:space="preserve">1180
</t>
    <phoneticPr fontId="4"/>
  </si>
  <si>
    <t>個別試験「英語」の得点を満点とみなす
英検は準１級以上受検者が対象</t>
    <rPh sb="0" eb="2">
      <t>コベツ</t>
    </rPh>
    <rPh sb="2" eb="4">
      <t>シケン</t>
    </rPh>
    <rPh sb="5" eb="7">
      <t>エイゴ</t>
    </rPh>
    <rPh sb="9" eb="11">
      <t>トクテン</t>
    </rPh>
    <rPh sb="12" eb="14">
      <t>マンテン</t>
    </rPh>
    <rPh sb="19" eb="21">
      <t>エイケン</t>
    </rPh>
    <rPh sb="22" eb="23">
      <t>ジュン</t>
    </rPh>
    <rPh sb="24" eb="27">
      <t>キュウイジョウ</t>
    </rPh>
    <rPh sb="27" eb="29">
      <t>ジュケン</t>
    </rPh>
    <rPh sb="29" eb="30">
      <t>シャ</t>
    </rPh>
    <rPh sb="31" eb="33">
      <t>タイショウ</t>
    </rPh>
    <phoneticPr fontId="4"/>
  </si>
  <si>
    <t>1180
Ad
CBT</t>
    <phoneticPr fontId="4"/>
  </si>
  <si>
    <t>680
※</t>
    <phoneticPr fontId="4"/>
  </si>
  <si>
    <t>個別試験の得点に加点（60～100点）
TOEICはS&amp;Wのスコアを2.5倍にして合算</t>
    <phoneticPr fontId="4"/>
  </si>
  <si>
    <t>A2
Ad
Ba
CBT</t>
    <phoneticPr fontId="4"/>
  </si>
  <si>
    <t>リハビリテーション、看護</t>
    <phoneticPr fontId="4"/>
  </si>
  <si>
    <t>970
Ad
CBT</t>
    <phoneticPr fontId="4"/>
  </si>
  <si>
    <t>外国語（ドイツ語、フランス語）</t>
    <rPh sb="0" eb="3">
      <t>ガイコクゴ</t>
    </rPh>
    <rPh sb="7" eb="8">
      <t>ゴ</t>
    </rPh>
    <rPh sb="13" eb="14">
      <t>ゴ</t>
    </rPh>
    <phoneticPr fontId="4"/>
  </si>
  <si>
    <t>990
Ad
CBT</t>
    <phoneticPr fontId="4"/>
  </si>
  <si>
    <t>個別試験「英語」の得点に換算（80点）（受験した場合は高得点の方を利用）
英検は２級以上受検者が対象</t>
    <rPh sb="0" eb="2">
      <t>コベツ</t>
    </rPh>
    <rPh sb="2" eb="4">
      <t>シケン</t>
    </rPh>
    <rPh sb="5" eb="7">
      <t>エイゴ</t>
    </rPh>
    <rPh sb="9" eb="11">
      <t>トクテン</t>
    </rPh>
    <rPh sb="12" eb="14">
      <t>カンザン</t>
    </rPh>
    <rPh sb="37" eb="39">
      <t>エイケン</t>
    </rPh>
    <rPh sb="41" eb="42">
      <t>キュウ</t>
    </rPh>
    <rPh sb="42" eb="44">
      <t>イジョウ</t>
    </rPh>
    <rPh sb="44" eb="46">
      <t>ジュケン</t>
    </rPh>
    <rPh sb="46" eb="47">
      <t>シャ</t>
    </rPh>
    <rPh sb="48" eb="50">
      <t>タイショウ</t>
    </rPh>
    <phoneticPr fontId="4"/>
  </si>
  <si>
    <t>個別試験「英語」の得点に換算（80点）（受験した場合は高得点の方を利用）
英検は２級以上受検者が対象</t>
    <rPh sb="0" eb="2">
      <t>コベツ</t>
    </rPh>
    <rPh sb="2" eb="4">
      <t>シケン</t>
    </rPh>
    <rPh sb="5" eb="7">
      <t>エイゴ</t>
    </rPh>
    <rPh sb="9" eb="11">
      <t>トクテン</t>
    </rPh>
    <rPh sb="12" eb="14">
      <t>カンザン</t>
    </rPh>
    <rPh sb="17" eb="18">
      <t>テン</t>
    </rPh>
    <phoneticPr fontId="4"/>
  </si>
  <si>
    <t>一般入試（前期）、共通テスト利用入試、共通テストプラス入試</t>
    <rPh sb="0" eb="2">
      <t>イッパン</t>
    </rPh>
    <rPh sb="2" eb="4">
      <t>ニュウシ</t>
    </rPh>
    <rPh sb="5" eb="7">
      <t>ゼンキ</t>
    </rPh>
    <rPh sb="9" eb="11">
      <t>キョウツウ</t>
    </rPh>
    <rPh sb="14" eb="16">
      <t>リヨウ</t>
    </rPh>
    <rPh sb="16" eb="18">
      <t>ニュウシ</t>
    </rPh>
    <rPh sb="19" eb="21">
      <t>キョウツウ</t>
    </rPh>
    <rPh sb="27" eb="29">
      <t>ニュウシ</t>
    </rPh>
    <phoneticPr fontId="4"/>
  </si>
  <si>
    <t>理（理&lt;募集区分Ⅱ&gt;）</t>
    <rPh sb="0" eb="1">
      <t>リ</t>
    </rPh>
    <rPh sb="2" eb="3">
      <t>リ</t>
    </rPh>
    <rPh sb="4" eb="8">
      <t>ボシュウクブン</t>
    </rPh>
    <phoneticPr fontId="4"/>
  </si>
  <si>
    <t>680
※</t>
    <phoneticPr fontId="4"/>
  </si>
  <si>
    <t>看護</t>
    <rPh sb="0" eb="2">
      <t>カンゴ</t>
    </rPh>
    <phoneticPr fontId="4"/>
  </si>
  <si>
    <t>2級
1980</t>
    <phoneticPr fontId="4"/>
  </si>
  <si>
    <t>個別試験「外国語（英語）」の得点に換算（60～150点）（受験した場合は高得点の方を利用）
TOEICはS&amp;Wのスコアを2.5倍にして合算</t>
    <phoneticPr fontId="4"/>
  </si>
  <si>
    <t>一般選抜、共通テスト利用選抜</t>
    <rPh sb="0" eb="4">
      <t>イッパンセンバツ</t>
    </rPh>
    <rPh sb="5" eb="7">
      <t>キョウツウ</t>
    </rPh>
    <rPh sb="10" eb="12">
      <t>リヨウ</t>
    </rPh>
    <rPh sb="12" eb="14">
      <t>センバツ</t>
    </rPh>
    <phoneticPr fontId="4"/>
  </si>
  <si>
    <t>準1級</t>
    <rPh sb="0" eb="1">
      <t>ジュン</t>
    </rPh>
    <rPh sb="2" eb="3">
      <t>キュウ</t>
    </rPh>
    <phoneticPr fontId="4"/>
  </si>
  <si>
    <t>総合社会</t>
    <rPh sb="0" eb="4">
      <t>ソウゴウシャカイ</t>
    </rPh>
    <phoneticPr fontId="4"/>
  </si>
  <si>
    <t>一般選抜（Ａ日程）、共通テスト利用選抜</t>
    <rPh sb="0" eb="4">
      <t>イッパンセンバツ</t>
    </rPh>
    <rPh sb="6" eb="8">
      <t>ニッテイ</t>
    </rPh>
    <rPh sb="10" eb="12">
      <t>キョウツウ</t>
    </rPh>
    <rPh sb="15" eb="19">
      <t>リヨウセンバツ</t>
    </rPh>
    <phoneticPr fontId="4"/>
  </si>
  <si>
    <t>一般選抜前期Ｃ－Ⅱ方式（英語外部試験利用型）</t>
    <rPh sb="0" eb="2">
      <t>イッパン</t>
    </rPh>
    <rPh sb="2" eb="4">
      <t>センバツ</t>
    </rPh>
    <rPh sb="4" eb="6">
      <t>ゼンキ</t>
    </rPh>
    <rPh sb="9" eb="11">
      <t>ホウシキ</t>
    </rPh>
    <rPh sb="12" eb="16">
      <t>エイゴガイブ</t>
    </rPh>
    <rPh sb="16" eb="18">
      <t>シケン</t>
    </rPh>
    <rPh sb="18" eb="21">
      <t>リヨウガタ</t>
    </rPh>
    <phoneticPr fontId="4"/>
  </si>
  <si>
    <t>●</t>
    <phoneticPr fontId="4"/>
  </si>
  <si>
    <t>全学部（応用生命科学除く）</t>
    <rPh sb="0" eb="3">
      <t>ゼンガクブ</t>
    </rPh>
    <rPh sb="4" eb="6">
      <t>オウヨウ</t>
    </rPh>
    <rPh sb="6" eb="10">
      <t>セイメイカガク</t>
    </rPh>
    <rPh sb="10" eb="11">
      <t>ノゾ</t>
    </rPh>
    <phoneticPr fontId="4"/>
  </si>
  <si>
    <t>一般選抜（個別方式）、大学入学共通テスト利用方式</t>
    <rPh sb="0" eb="2">
      <t>イッパン</t>
    </rPh>
    <rPh sb="2" eb="4">
      <t>センバツ</t>
    </rPh>
    <rPh sb="5" eb="7">
      <t>コベツ</t>
    </rPh>
    <rPh sb="7" eb="9">
      <t>ホウシキ</t>
    </rPh>
    <rPh sb="11" eb="13">
      <t>ダイガク</t>
    </rPh>
    <rPh sb="13" eb="15">
      <t>ニュウガク</t>
    </rPh>
    <rPh sb="15" eb="17">
      <t>キョウツウ</t>
    </rPh>
    <rPh sb="20" eb="22">
      <t>リヨウ</t>
    </rPh>
    <rPh sb="22" eb="24">
      <t>ホウシキ</t>
    </rPh>
    <phoneticPr fontId="4"/>
  </si>
  <si>
    <t>個別試験または共通テストの満点を上限に加点</t>
    <rPh sb="0" eb="2">
      <t>コベツ</t>
    </rPh>
    <rPh sb="2" eb="4">
      <t>シケン</t>
    </rPh>
    <rPh sb="7" eb="9">
      <t>キョウツウ</t>
    </rPh>
    <rPh sb="13" eb="15">
      <t>マンテン</t>
    </rPh>
    <rPh sb="16" eb="18">
      <t>ジョウゲン</t>
    </rPh>
    <rPh sb="19" eb="21">
      <t>カテン</t>
    </rPh>
    <phoneticPr fontId="4"/>
  </si>
  <si>
    <t>一般選抜（Ａ日程３科目型、Ｂ日程２科目型）</t>
    <rPh sb="0" eb="2">
      <t>イッパン</t>
    </rPh>
    <rPh sb="2" eb="4">
      <t>センバツ</t>
    </rPh>
    <rPh sb="6" eb="8">
      <t>ニッテイ</t>
    </rPh>
    <rPh sb="9" eb="11">
      <t>カモク</t>
    </rPh>
    <rPh sb="11" eb="12">
      <t>ガタ</t>
    </rPh>
    <rPh sb="14" eb="16">
      <t>ニッテイ</t>
    </rPh>
    <rPh sb="17" eb="19">
      <t>カモク</t>
    </rPh>
    <rPh sb="19" eb="20">
      <t>ガタ</t>
    </rPh>
    <phoneticPr fontId="4"/>
  </si>
  <si>
    <t>大学独自入試（Ａ日程タイプⅡ）</t>
    <rPh sb="8" eb="10">
      <t>ニッテイ</t>
    </rPh>
    <phoneticPr fontId="4"/>
  </si>
  <si>
    <t>一般入試（Ａ・Ｂ日程）、共通テスト利用入試</t>
    <rPh sb="0" eb="2">
      <t>イッパン</t>
    </rPh>
    <rPh sb="2" eb="4">
      <t>ニュウシ</t>
    </rPh>
    <rPh sb="8" eb="10">
      <t>ニッテイ</t>
    </rPh>
    <rPh sb="12" eb="14">
      <t>キョウツウ</t>
    </rPh>
    <rPh sb="17" eb="19">
      <t>リヨウ</t>
    </rPh>
    <rPh sb="19" eb="21">
      <t>ニュウシ</t>
    </rPh>
    <phoneticPr fontId="4"/>
  </si>
  <si>
    <t>一般入試（Ｂ日程Ｂ方式）</t>
    <rPh sb="0" eb="4">
      <t>イッパンニュウシ</t>
    </rPh>
    <rPh sb="6" eb="8">
      <t>ニッテイ</t>
    </rPh>
    <rPh sb="9" eb="11">
      <t>ホウシキ</t>
    </rPh>
    <phoneticPr fontId="4"/>
  </si>
  <si>
    <t>一般選抜Ｂ方式</t>
    <rPh sb="0" eb="4">
      <t>イッパンセンバツ</t>
    </rPh>
    <rPh sb="5" eb="7">
      <t>ホウシキ</t>
    </rPh>
    <phoneticPr fontId="4"/>
  </si>
  <si>
    <t>一般入試（Ｃ日程）</t>
    <rPh sb="0" eb="2">
      <t>イッパン</t>
    </rPh>
    <rPh sb="2" eb="4">
      <t>ニュウシ</t>
    </rPh>
    <rPh sb="6" eb="8">
      <t>ニッテイ</t>
    </rPh>
    <phoneticPr fontId="4"/>
  </si>
  <si>
    <t>一般（Ｃ日程）</t>
    <rPh sb="0" eb="2">
      <t>イッパン</t>
    </rPh>
    <rPh sb="4" eb="6">
      <t>ニッテイ</t>
    </rPh>
    <phoneticPr fontId="4"/>
  </si>
  <si>
    <t>一般選抜（Ｅ方式（英語外部試験利用型))</t>
    <rPh sb="0" eb="2">
      <t>イッパン</t>
    </rPh>
    <rPh sb="2" eb="4">
      <t>センバツ</t>
    </rPh>
    <rPh sb="6" eb="8">
      <t>ホウシキ</t>
    </rPh>
    <rPh sb="9" eb="13">
      <t>エイゴガイブ</t>
    </rPh>
    <rPh sb="13" eb="15">
      <t>シケン</t>
    </rPh>
    <rPh sb="15" eb="18">
      <t>リヨウガタ</t>
    </rPh>
    <phoneticPr fontId="4"/>
  </si>
  <si>
    <t>一般選抜（前期、Ｍ方式、後期）</t>
    <rPh sb="0" eb="2">
      <t>イッパン</t>
    </rPh>
    <rPh sb="2" eb="4">
      <t>センバツ</t>
    </rPh>
    <rPh sb="5" eb="6">
      <t>ゼン</t>
    </rPh>
    <rPh sb="6" eb="7">
      <t>キ</t>
    </rPh>
    <rPh sb="9" eb="11">
      <t>ホウシキ</t>
    </rPh>
    <phoneticPr fontId="4"/>
  </si>
  <si>
    <t>全学部一般選抜（Ｒ方式）</t>
    <rPh sb="0" eb="3">
      <t>ゼンガクブ</t>
    </rPh>
    <rPh sb="3" eb="5">
      <t>イッパン</t>
    </rPh>
    <rPh sb="5" eb="7">
      <t>センバツ</t>
    </rPh>
    <rPh sb="9" eb="11">
      <t>ホウシキ</t>
    </rPh>
    <phoneticPr fontId="4"/>
  </si>
  <si>
    <t>志願者調書に加点（最大20点）</t>
    <rPh sb="0" eb="2">
      <t>シガン</t>
    </rPh>
    <rPh sb="2" eb="3">
      <t>シャ</t>
    </rPh>
    <rPh sb="3" eb="5">
      <t>チョウショ</t>
    </rPh>
    <rPh sb="6" eb="8">
      <t>カテン</t>
    </rPh>
    <rPh sb="9" eb="11">
      <t>サイダイ</t>
    </rPh>
    <rPh sb="13" eb="14">
      <t>テン</t>
    </rPh>
    <phoneticPr fontId="4"/>
  </si>
  <si>
    <t>個別試験「英語」の得点に換算（70～100点）（高得点の方を利用）
実用英語技能検定以外の基準は大学に確認すること</t>
    <rPh sb="42" eb="44">
      <t>イガイ</t>
    </rPh>
    <rPh sb="45" eb="47">
      <t>キジュン</t>
    </rPh>
    <rPh sb="48" eb="50">
      <t>ダイガク</t>
    </rPh>
    <rPh sb="51" eb="53">
      <t>カクニン</t>
    </rPh>
    <phoneticPr fontId="25"/>
  </si>
  <si>
    <t>個別試験「英語」の得点に換算（70～100％）（受験した場合は高得点の方を利用）
英検は２級以上受検者が対象
TOEFL iBTはMyBestスコアも利用可</t>
    <rPh sb="0" eb="2">
      <t>コベツ</t>
    </rPh>
    <rPh sb="2" eb="4">
      <t>シケン</t>
    </rPh>
    <rPh sb="5" eb="7">
      <t>エイゴ</t>
    </rPh>
    <rPh sb="9" eb="11">
      <t>トクテン</t>
    </rPh>
    <rPh sb="12" eb="14">
      <t>カンザン</t>
    </rPh>
    <rPh sb="24" eb="26">
      <t>ジュケン</t>
    </rPh>
    <rPh sb="28" eb="30">
      <t>バアイ</t>
    </rPh>
    <rPh sb="31" eb="34">
      <t>コウトクテン</t>
    </rPh>
    <rPh sb="35" eb="36">
      <t>ホウ</t>
    </rPh>
    <rPh sb="37" eb="39">
      <t>リヨウ</t>
    </rPh>
    <rPh sb="41" eb="43">
      <t>エイケン</t>
    </rPh>
    <rPh sb="45" eb="46">
      <t>キュウ</t>
    </rPh>
    <rPh sb="46" eb="48">
      <t>イジョウ</t>
    </rPh>
    <rPh sb="48" eb="51">
      <t>ジュケンシャ</t>
    </rPh>
    <rPh sb="52" eb="54">
      <t>タイショウ</t>
    </rPh>
    <rPh sb="75" eb="77">
      <t>リヨウ</t>
    </rPh>
    <rPh sb="77" eb="78">
      <t>カ</t>
    </rPh>
    <phoneticPr fontId="4"/>
  </si>
  <si>
    <t>経済（経済－ユニーク選抜）</t>
    <rPh sb="0" eb="2">
      <t>ケイザイ</t>
    </rPh>
    <rPh sb="3" eb="5">
      <t>ケイザイ</t>
    </rPh>
    <rPh sb="10" eb="12">
      <t>センバツ</t>
    </rPh>
    <phoneticPr fontId="4"/>
  </si>
  <si>
    <t>後期</t>
    <rPh sb="0" eb="2">
      <t>コウキ</t>
    </rPh>
    <phoneticPr fontId="4"/>
  </si>
  <si>
    <t>△</t>
    <phoneticPr fontId="4"/>
  </si>
  <si>
    <t>自己推薦書、特別活動要覧の中で評価する</t>
    <rPh sb="0" eb="5">
      <t>ジコスイセンショ</t>
    </rPh>
    <rPh sb="6" eb="8">
      <t>トクベツ</t>
    </rPh>
    <rPh sb="8" eb="10">
      <t>カツドウ</t>
    </rPh>
    <rPh sb="10" eb="12">
      <t>ヨウラン</t>
    </rPh>
    <rPh sb="13" eb="14">
      <t>ナカ</t>
    </rPh>
    <rPh sb="15" eb="17">
      <t>ヒョウカ</t>
    </rPh>
    <phoneticPr fontId="4"/>
  </si>
  <si>
    <t>医療科学</t>
    <rPh sb="0" eb="2">
      <t>イリョウ</t>
    </rPh>
    <rPh sb="2" eb="4">
      <t>カガク</t>
    </rPh>
    <phoneticPr fontId="4"/>
  </si>
  <si>
    <t>保健衛生</t>
    <rPh sb="0" eb="4">
      <t>ホケンエイセイ</t>
    </rPh>
    <phoneticPr fontId="4"/>
  </si>
  <si>
    <t>一般（後期）</t>
    <rPh sb="0" eb="2">
      <t>イッパン</t>
    </rPh>
    <rPh sb="3" eb="5">
      <t>コウキ</t>
    </rPh>
    <phoneticPr fontId="4"/>
  </si>
  <si>
    <t>A1</t>
  </si>
  <si>
    <t>A1</t>
    <phoneticPr fontId="4"/>
  </si>
  <si>
    <t xml:space="preserve">個別試験または共通テスト「外国語」の得点に換算（75または95％）（受験した場合は高得点の方を利用）
英検は２級以上受検者が対象
</t>
    <rPh sb="0" eb="2">
      <t>コベツ</t>
    </rPh>
    <rPh sb="2" eb="4">
      <t>シケン</t>
    </rPh>
    <rPh sb="18" eb="20">
      <t>トクテン</t>
    </rPh>
    <rPh sb="21" eb="23">
      <t>カンザン</t>
    </rPh>
    <rPh sb="34" eb="36">
      <t>ジュケン</t>
    </rPh>
    <rPh sb="38" eb="40">
      <t>バアイ</t>
    </rPh>
    <rPh sb="41" eb="44">
      <t>コウトクテン</t>
    </rPh>
    <rPh sb="45" eb="46">
      <t>ホウ</t>
    </rPh>
    <rPh sb="47" eb="49">
      <t>リヨウ</t>
    </rPh>
    <rPh sb="51" eb="53">
      <t>エイケン</t>
    </rPh>
    <rPh sb="55" eb="56">
      <t>キュウ</t>
    </rPh>
    <rPh sb="56" eb="58">
      <t>イジョウ</t>
    </rPh>
    <rPh sb="58" eb="60">
      <t>ジュケン</t>
    </rPh>
    <rPh sb="60" eb="61">
      <t>シャ</t>
    </rPh>
    <rPh sb="62" eb="64">
      <t>タイショウ</t>
    </rPh>
    <phoneticPr fontId="4"/>
  </si>
  <si>
    <t>FCE
160</t>
    <phoneticPr fontId="4"/>
  </si>
  <si>
    <t>準1級</t>
    <rPh sb="0" eb="1">
      <t>ジュン</t>
    </rPh>
    <rPh sb="2" eb="3">
      <t>キュウ</t>
    </rPh>
    <phoneticPr fontId="4"/>
  </si>
  <si>
    <t>1060
※</t>
    <phoneticPr fontId="4"/>
  </si>
  <si>
    <t>事業構想、食産業</t>
    <rPh sb="0" eb="4">
      <t>ジギョウコウソウ</t>
    </rPh>
    <rPh sb="5" eb="8">
      <t>ショクサンギョウ</t>
    </rPh>
    <phoneticPr fontId="4"/>
  </si>
  <si>
    <t>前期・後期</t>
    <rPh sb="0" eb="2">
      <t>ゼンキ</t>
    </rPh>
    <rPh sb="3" eb="5">
      <t>コウキ</t>
    </rPh>
    <phoneticPr fontId="4"/>
  </si>
  <si>
    <t>△</t>
    <phoneticPr fontId="4"/>
  </si>
  <si>
    <t>活動実績報告書の評価に含む</t>
    <rPh sb="0" eb="2">
      <t>カツドウ</t>
    </rPh>
    <rPh sb="2" eb="4">
      <t>ジッセキ</t>
    </rPh>
    <rPh sb="4" eb="7">
      <t>ホウコクショ</t>
    </rPh>
    <rPh sb="8" eb="10">
      <t>ヒョウカ</t>
    </rPh>
    <rPh sb="11" eb="12">
      <t>フク</t>
    </rPh>
    <phoneticPr fontId="4"/>
  </si>
  <si>
    <t>共通テスト「英語」の得点を満点とみなす（共通テスト「英語」の受験は必須）</t>
    <rPh sb="6" eb="8">
      <t>エイゴ</t>
    </rPh>
    <rPh sb="8" eb="9">
      <t>ガイゴ</t>
    </rPh>
    <rPh sb="10" eb="12">
      <t>トクテン</t>
    </rPh>
    <rPh sb="13" eb="15">
      <t>マンテン</t>
    </rPh>
    <rPh sb="20" eb="22">
      <t>キョウツウ</t>
    </rPh>
    <rPh sb="26" eb="28">
      <t>エイゴ</t>
    </rPh>
    <rPh sb="30" eb="32">
      <t>ジュケン</t>
    </rPh>
    <rPh sb="33" eb="35">
      <t>ヒッス</t>
    </rPh>
    <phoneticPr fontId="4"/>
  </si>
  <si>
    <t>グローバル特別選抜</t>
    <rPh sb="5" eb="7">
      <t>トクベツ</t>
    </rPh>
    <rPh sb="7" eb="9">
      <t>センバツ</t>
    </rPh>
    <phoneticPr fontId="4"/>
  </si>
  <si>
    <t>○</t>
    <phoneticPr fontId="18"/>
  </si>
  <si>
    <t>930
※2</t>
    <phoneticPr fontId="4"/>
  </si>
  <si>
    <t>準2級
1700</t>
    <phoneticPr fontId="4"/>
  </si>
  <si>
    <t>最新の情報は必ず各大学の学生募集要項やホームページ等で確認をしてください。</t>
    <rPh sb="0" eb="2">
      <t>サイシン</t>
    </rPh>
    <rPh sb="3" eb="5">
      <t>ジョウホウ</t>
    </rPh>
    <rPh sb="12" eb="14">
      <t>ガクセイ</t>
    </rPh>
    <rPh sb="14" eb="16">
      <t>ボシュウ</t>
    </rPh>
    <rPh sb="16" eb="18">
      <t>ヨウコウ</t>
    </rPh>
    <rPh sb="25" eb="26">
      <t>ナド</t>
    </rPh>
    <phoneticPr fontId="4"/>
  </si>
  <si>
    <t>大阪経済</t>
    <phoneticPr fontId="4"/>
  </si>
  <si>
    <t>個別試験「英語」の選択問題の得点に換算（リスニング・英作文の受験は必須）
英検準１級以上またはそれに相当するレベルを有する者は個別試験「英語」を満点とみなす（満点換算の場合は個別試験「英語」の受験を免除）</t>
    <rPh sb="0" eb="2">
      <t>コベツ</t>
    </rPh>
    <rPh sb="2" eb="4">
      <t>シケン</t>
    </rPh>
    <rPh sb="5" eb="7">
      <t>エイゴ</t>
    </rPh>
    <rPh sb="9" eb="11">
      <t>センタク</t>
    </rPh>
    <rPh sb="11" eb="13">
      <t>モンダイ</t>
    </rPh>
    <rPh sb="14" eb="16">
      <t>トクテン</t>
    </rPh>
    <rPh sb="17" eb="19">
      <t>カンサン</t>
    </rPh>
    <rPh sb="26" eb="29">
      <t>エイサクブン</t>
    </rPh>
    <rPh sb="30" eb="32">
      <t>ジュケン</t>
    </rPh>
    <rPh sb="33" eb="35">
      <t>ヒッス</t>
    </rPh>
    <rPh sb="37" eb="39">
      <t>エイケン</t>
    </rPh>
    <rPh sb="39" eb="40">
      <t>ジュン</t>
    </rPh>
    <rPh sb="41" eb="42">
      <t>キュウ</t>
    </rPh>
    <rPh sb="42" eb="44">
      <t>イジョウ</t>
    </rPh>
    <rPh sb="50" eb="52">
      <t>ソウトウ</t>
    </rPh>
    <rPh sb="58" eb="59">
      <t>ユウ</t>
    </rPh>
    <rPh sb="61" eb="62">
      <t>モノ</t>
    </rPh>
    <rPh sb="63" eb="65">
      <t>コベツ</t>
    </rPh>
    <rPh sb="65" eb="67">
      <t>シケン</t>
    </rPh>
    <rPh sb="68" eb="70">
      <t>エイゴ</t>
    </rPh>
    <rPh sb="72" eb="74">
      <t>マンテン</t>
    </rPh>
    <phoneticPr fontId="4"/>
  </si>
  <si>
    <t>個別試験「英語」の得点に換算（80または100％）（個別試験「英語」の受験は必須、高得点の方を利用（満点換算の場合は「英語」の受験を免除））
TOEICは他に技能ごとの基準あり</t>
    <phoneticPr fontId="4"/>
  </si>
  <si>
    <t xml:space="preserve">一般選抜、共通テストプラス、共通テスト利用選抜
</t>
    <rPh sb="2" eb="4">
      <t>センバツ</t>
    </rPh>
    <rPh sb="5" eb="7">
      <t>キョウツウ</t>
    </rPh>
    <rPh sb="14" eb="16">
      <t>キョウツウ</t>
    </rPh>
    <rPh sb="19" eb="21">
      <t>リヨウ</t>
    </rPh>
    <rPh sb="21" eb="23">
      <t>センバツ</t>
    </rPh>
    <phoneticPr fontId="4"/>
  </si>
  <si>
    <t>○</t>
    <phoneticPr fontId="4"/>
  </si>
  <si>
    <t>680
※</t>
  </si>
  <si>
    <t>大学が別途定めるスコアを満たす場合は、個別試験の得点に加点（５～40点）</t>
    <rPh sb="0" eb="2">
      <t>ダイガク</t>
    </rPh>
    <rPh sb="3" eb="5">
      <t>ベット</t>
    </rPh>
    <rPh sb="5" eb="6">
      <t>サダ</t>
    </rPh>
    <rPh sb="12" eb="13">
      <t>ミ</t>
    </rPh>
    <rPh sb="15" eb="17">
      <t>バアイ</t>
    </rPh>
    <rPh sb="19" eb="21">
      <t>コベツ</t>
    </rPh>
    <rPh sb="21" eb="23">
      <t>シケン</t>
    </rPh>
    <rPh sb="24" eb="26">
      <t>トクテン</t>
    </rPh>
    <rPh sb="27" eb="29">
      <t>カテン</t>
    </rPh>
    <rPh sb="34" eb="35">
      <t>テン</t>
    </rPh>
    <phoneticPr fontId="4"/>
  </si>
  <si>
    <t>活動報告書の中で評価する</t>
    <rPh sb="0" eb="2">
      <t>カツドウ</t>
    </rPh>
    <rPh sb="2" eb="5">
      <t>ホウコクショ</t>
    </rPh>
    <rPh sb="6" eb="7">
      <t>ナカ</t>
    </rPh>
    <rPh sb="8" eb="10">
      <t>ヒョウカ</t>
    </rPh>
    <phoneticPr fontId="4"/>
  </si>
  <si>
    <t>一般選抜（英語外部試験利用）</t>
    <rPh sb="2" eb="4">
      <t>センバツ</t>
    </rPh>
    <rPh sb="5" eb="7">
      <t>エイゴ</t>
    </rPh>
    <rPh sb="7" eb="9">
      <t>ガイブ</t>
    </rPh>
    <rPh sb="9" eb="11">
      <t>シケン</t>
    </rPh>
    <phoneticPr fontId="4"/>
  </si>
  <si>
    <t>共通テストの得点に加点（80または100点）</t>
    <rPh sb="0" eb="2">
      <t>キョウツウ</t>
    </rPh>
    <rPh sb="6" eb="8">
      <t>トクテン</t>
    </rPh>
    <rPh sb="9" eb="11">
      <t>カテン</t>
    </rPh>
    <rPh sb="20" eb="21">
      <t>テン</t>
    </rPh>
    <phoneticPr fontId="4"/>
  </si>
  <si>
    <t xml:space="preserve">文（日本・ユーラシア文化）、法政経、教育、理、工、情報・データサイエンス、園芸、薬、看護
</t>
    <rPh sb="0" eb="1">
      <t>ブン</t>
    </rPh>
    <rPh sb="2" eb="4">
      <t>ニホン</t>
    </rPh>
    <rPh sb="10" eb="12">
      <t>ブンカ</t>
    </rPh>
    <rPh sb="14" eb="15">
      <t>ホウ</t>
    </rPh>
    <rPh sb="15" eb="17">
      <t>セイケイ</t>
    </rPh>
    <rPh sb="21" eb="22">
      <t>リ</t>
    </rPh>
    <rPh sb="23" eb="24">
      <t>コウ</t>
    </rPh>
    <rPh sb="25" eb="27">
      <t>ジョウホウ</t>
    </rPh>
    <rPh sb="37" eb="39">
      <t>エンゲイ</t>
    </rPh>
    <rPh sb="40" eb="41">
      <t>ヤク</t>
    </rPh>
    <phoneticPr fontId="4"/>
  </si>
  <si>
    <t>一般入試（２・３科目学科別外検＋）、共通テスト利用入試（英語資格）</t>
    <rPh sb="2" eb="4">
      <t>ニュウシ</t>
    </rPh>
    <rPh sb="8" eb="10">
      <t>カモク</t>
    </rPh>
    <rPh sb="10" eb="13">
      <t>ガッカベツ</t>
    </rPh>
    <rPh sb="13" eb="14">
      <t>ガイ</t>
    </rPh>
    <rPh sb="14" eb="15">
      <t>ケン</t>
    </rPh>
    <phoneticPr fontId="4"/>
  </si>
  <si>
    <t>個別試験または共通テスト「英語」の得点に換算（70～100点）（受験した場合は高得点の方を利用）
※文－教養デザイン、国際文化コミュニケーションの共通テスト利用選抜は、共通テスト「英語（R）」「英語（L）」それぞれの得点に換算</t>
    <rPh sb="7" eb="9">
      <t>キョウツウ</t>
    </rPh>
    <rPh sb="52" eb="54">
      <t>キョウヨウ</t>
    </rPh>
    <rPh sb="59" eb="61">
      <t>コクサイ</t>
    </rPh>
    <rPh sb="61" eb="63">
      <t>ブンカ</t>
    </rPh>
    <rPh sb="108" eb="110">
      <t>トクテン</t>
    </rPh>
    <rPh sb="111" eb="113">
      <t>カンザン</t>
    </rPh>
    <phoneticPr fontId="25"/>
  </si>
  <si>
    <t>680
Ad
Ba
CBT
※</t>
    <phoneticPr fontId="18"/>
  </si>
  <si>
    <t>一般選抜（ＡＢ日程）、共通テストプラス方式</t>
    <rPh sb="0" eb="2">
      <t>イッパン</t>
    </rPh>
    <rPh sb="2" eb="4">
      <t>センバツ</t>
    </rPh>
    <rPh sb="7" eb="9">
      <t>ニッテイ</t>
    </rPh>
    <rPh sb="11" eb="13">
      <t>キョウツウ</t>
    </rPh>
    <rPh sb="19" eb="21">
      <t>ホウシキ</t>
    </rPh>
    <phoneticPr fontId="4"/>
  </si>
  <si>
    <t>全学部（工を除く）</t>
    <rPh sb="0" eb="3">
      <t>ゼンガクブ</t>
    </rPh>
    <rPh sb="4" eb="5">
      <t>コウ</t>
    </rPh>
    <rPh sb="6" eb="7">
      <t>ノゾ</t>
    </rPh>
    <phoneticPr fontId="25"/>
  </si>
  <si>
    <t>一般選抜Ａ方式Ⅰ期、一般選抜Ｂ方式（共通テスト利用）</t>
    <rPh sb="0" eb="2">
      <t>イッパン</t>
    </rPh>
    <rPh sb="2" eb="4">
      <t>センバツ</t>
    </rPh>
    <rPh sb="5" eb="7">
      <t>ホウシキ</t>
    </rPh>
    <rPh sb="8" eb="9">
      <t>キ</t>
    </rPh>
    <rPh sb="10" eb="12">
      <t>イッパン</t>
    </rPh>
    <rPh sb="12" eb="14">
      <t>センバツ</t>
    </rPh>
    <rPh sb="15" eb="17">
      <t>ホウシキ</t>
    </rPh>
    <rPh sb="18" eb="20">
      <t>キョウツウ</t>
    </rPh>
    <rPh sb="23" eb="25">
      <t>リヨウ</t>
    </rPh>
    <phoneticPr fontId="18"/>
  </si>
  <si>
    <t>140
※1</t>
    <phoneticPr fontId="4"/>
  </si>
  <si>
    <t>一般選抜、共通テスト利用選抜
（Ⅰ類型、Ⅱ類型）</t>
    <rPh sb="2" eb="4">
      <t>センバツ</t>
    </rPh>
    <rPh sb="17" eb="19">
      <t>ルイガタ</t>
    </rPh>
    <rPh sb="21" eb="23">
      <t>ルイガタ</t>
    </rPh>
    <phoneticPr fontId="4"/>
  </si>
  <si>
    <t>個別試験または共通テスト「英語」の得点に換算（80または100点）（受験した場合は高得点の方を利用）
英検は２級以上受検者が対象
TOEICは他に技能ごとの基準あり、S&amp;Wのスコアを2.5倍にして合算</t>
    <rPh sb="0" eb="2">
      <t>コベツ</t>
    </rPh>
    <rPh sb="2" eb="4">
      <t>シケン</t>
    </rPh>
    <rPh sb="7" eb="9">
      <t>キョウツウ</t>
    </rPh>
    <rPh sb="13" eb="15">
      <t>エイゴ</t>
    </rPh>
    <rPh sb="17" eb="19">
      <t>トクテン</t>
    </rPh>
    <rPh sb="20" eb="22">
      <t>カンサン</t>
    </rPh>
    <rPh sb="31" eb="32">
      <t>テン</t>
    </rPh>
    <rPh sb="34" eb="36">
      <t>ジュケン</t>
    </rPh>
    <rPh sb="38" eb="40">
      <t>バアイ</t>
    </rPh>
    <rPh sb="41" eb="44">
      <t>コウトクテン</t>
    </rPh>
    <rPh sb="45" eb="46">
      <t>ホウ</t>
    </rPh>
    <rPh sb="47" eb="49">
      <t>リヨウ</t>
    </rPh>
    <rPh sb="71" eb="72">
      <t>ホカ</t>
    </rPh>
    <rPh sb="73" eb="75">
      <t>ギノウ</t>
    </rPh>
    <rPh sb="78" eb="80">
      <t>キジュン</t>
    </rPh>
    <phoneticPr fontId="4"/>
  </si>
  <si>
    <t>805
Ad
Ba
CBT</t>
    <phoneticPr fontId="4"/>
  </si>
  <si>
    <t>個別試験の得点に加点（15～50点）
※未提出の場合は０点</t>
    <rPh sb="0" eb="2">
      <t>コベツ</t>
    </rPh>
    <rPh sb="2" eb="4">
      <t>シケン</t>
    </rPh>
    <rPh sb="5" eb="7">
      <t>トクテン</t>
    </rPh>
    <rPh sb="8" eb="10">
      <t>カテン</t>
    </rPh>
    <rPh sb="16" eb="17">
      <t>テン</t>
    </rPh>
    <rPh sb="20" eb="23">
      <t>ミテイシュツ</t>
    </rPh>
    <rPh sb="24" eb="26">
      <t>バアイ</t>
    </rPh>
    <rPh sb="28" eb="29">
      <t>テン</t>
    </rPh>
    <phoneticPr fontId="4"/>
  </si>
  <si>
    <t>一般選抜前期入学試験（Ｃ方式、スカラシップ入学試験を除く）</t>
    <rPh sb="0" eb="2">
      <t>イッパン</t>
    </rPh>
    <rPh sb="2" eb="4">
      <t>センバツ</t>
    </rPh>
    <rPh sb="4" eb="6">
      <t>ゼンキ</t>
    </rPh>
    <rPh sb="6" eb="8">
      <t>ニュウガク</t>
    </rPh>
    <rPh sb="8" eb="10">
      <t>シケン</t>
    </rPh>
    <rPh sb="12" eb="14">
      <t>ホウシキ</t>
    </rPh>
    <rPh sb="21" eb="25">
      <t>ニュウガクシケン</t>
    </rPh>
    <rPh sb="26" eb="27">
      <t>ノゾ</t>
    </rPh>
    <phoneticPr fontId="4"/>
  </si>
  <si>
    <t>個別試験「英語」の得点に換算（80～100点）（受験した場合は高得点の方を利用）
英検は２級以上受検者が対象</t>
    <rPh sb="0" eb="2">
      <t>コベツ</t>
    </rPh>
    <rPh sb="2" eb="4">
      <t>シケン</t>
    </rPh>
    <rPh sb="5" eb="7">
      <t>エイゴ</t>
    </rPh>
    <rPh sb="9" eb="11">
      <t>トクテン</t>
    </rPh>
    <rPh sb="12" eb="14">
      <t>カンサン</t>
    </rPh>
    <rPh sb="21" eb="22">
      <t>テン</t>
    </rPh>
    <rPh sb="41" eb="43">
      <t>エイケン</t>
    </rPh>
    <rPh sb="45" eb="46">
      <t>キュウ</t>
    </rPh>
    <rPh sb="46" eb="48">
      <t>イジョウ</t>
    </rPh>
    <rPh sb="48" eb="50">
      <t>ジュケン</t>
    </rPh>
    <rPh sb="50" eb="51">
      <t>シャ</t>
    </rPh>
    <rPh sb="52" eb="54">
      <t>タイショウ</t>
    </rPh>
    <phoneticPr fontId="4"/>
  </si>
  <si>
    <t>大学が別途定めるスコアを満たす場合は、個別試験の得点に加点（最大50点）
※リンガスキルの利用可</t>
    <rPh sb="0" eb="2">
      <t>ダイガク</t>
    </rPh>
    <rPh sb="3" eb="5">
      <t>ベット</t>
    </rPh>
    <rPh sb="5" eb="6">
      <t>サダ</t>
    </rPh>
    <rPh sb="12" eb="13">
      <t>ミ</t>
    </rPh>
    <rPh sb="15" eb="17">
      <t>バアイ</t>
    </rPh>
    <rPh sb="19" eb="21">
      <t>コベツ</t>
    </rPh>
    <rPh sb="21" eb="23">
      <t>シケン</t>
    </rPh>
    <rPh sb="24" eb="26">
      <t>トクテン</t>
    </rPh>
    <rPh sb="27" eb="29">
      <t>カテン</t>
    </rPh>
    <rPh sb="30" eb="32">
      <t>サイダイ</t>
    </rPh>
    <rPh sb="34" eb="35">
      <t>テン</t>
    </rPh>
    <phoneticPr fontId="4"/>
  </si>
  <si>
    <t>大学が別途定めるスコアを満たす場合は、個別試験の得点に加点（最大150点）
英検は２級以上受検者が対象</t>
    <rPh sb="19" eb="21">
      <t>コベツ</t>
    </rPh>
    <rPh sb="21" eb="23">
      <t>シケン</t>
    </rPh>
    <rPh sb="24" eb="26">
      <t>トクテン</t>
    </rPh>
    <rPh sb="27" eb="29">
      <t>カテン</t>
    </rPh>
    <rPh sb="30" eb="32">
      <t>サイダイ</t>
    </rPh>
    <rPh sb="35" eb="36">
      <t>テン</t>
    </rPh>
    <rPh sb="38" eb="40">
      <t>エイケン</t>
    </rPh>
    <rPh sb="42" eb="43">
      <t>キュウ</t>
    </rPh>
    <rPh sb="43" eb="45">
      <t>イジョウ</t>
    </rPh>
    <rPh sb="45" eb="47">
      <t>ジュケン</t>
    </rPh>
    <rPh sb="47" eb="48">
      <t>シャ</t>
    </rPh>
    <rPh sb="49" eb="51">
      <t>タイショウ</t>
    </rPh>
    <phoneticPr fontId="4"/>
  </si>
  <si>
    <t>大学が別途定めるスコアを満たす場合は、個別試験の得点に加点（最大200点）
英検は２級以上受検者が対象
TOEICは他に技能ごとの基準あり
※リンガスキル（140）の利用可</t>
    <rPh sb="19" eb="21">
      <t>コベツ</t>
    </rPh>
    <rPh sb="21" eb="23">
      <t>シケン</t>
    </rPh>
    <rPh sb="24" eb="26">
      <t>トクテン</t>
    </rPh>
    <rPh sb="27" eb="29">
      <t>カテン</t>
    </rPh>
    <rPh sb="30" eb="32">
      <t>サイダイ</t>
    </rPh>
    <rPh sb="35" eb="36">
      <t>テン</t>
    </rPh>
    <rPh sb="38" eb="40">
      <t>エイケン</t>
    </rPh>
    <rPh sb="42" eb="43">
      <t>キュウ</t>
    </rPh>
    <rPh sb="43" eb="45">
      <t>イジョウ</t>
    </rPh>
    <rPh sb="45" eb="47">
      <t>ジュケン</t>
    </rPh>
    <rPh sb="47" eb="48">
      <t>シャ</t>
    </rPh>
    <rPh sb="49" eb="51">
      <t>タイショウ</t>
    </rPh>
    <rPh sb="58" eb="59">
      <t>ホカ</t>
    </rPh>
    <rPh sb="60" eb="62">
      <t>ギノウ</t>
    </rPh>
    <rPh sb="65" eb="67">
      <t>キジュン</t>
    </rPh>
    <rPh sb="83" eb="85">
      <t>リヨウ</t>
    </rPh>
    <rPh sb="85" eb="86">
      <t>カ</t>
    </rPh>
    <phoneticPr fontId="4"/>
  </si>
  <si>
    <t>個別試験「小論文」の得点に換算（30～45点）（受験した場合は高得点の方を利用）</t>
    <rPh sb="0" eb="4">
      <t>コベツシケン</t>
    </rPh>
    <phoneticPr fontId="4"/>
  </si>
  <si>
    <t>文（フランス文）、心理、社会、国際（国際）、法、経済、情報数理</t>
    <rPh sb="0" eb="1">
      <t>ブン</t>
    </rPh>
    <rPh sb="6" eb="7">
      <t>ブン</t>
    </rPh>
    <rPh sb="12" eb="14">
      <t>シャカイ</t>
    </rPh>
    <rPh sb="22" eb="23">
      <t>ホウ</t>
    </rPh>
    <rPh sb="27" eb="31">
      <t>ジョウホウスウリ</t>
    </rPh>
    <phoneticPr fontId="4"/>
  </si>
  <si>
    <t>一般選抜（検定＋１教科型）</t>
    <rPh sb="0" eb="4">
      <t>イッパンセンバツ</t>
    </rPh>
    <rPh sb="5" eb="7">
      <t>ケンテイ</t>
    </rPh>
    <rPh sb="9" eb="12">
      <t>キョウカガタ</t>
    </rPh>
    <phoneticPr fontId="4"/>
  </si>
  <si>
    <t>個別試験「外国語（リスニング除く）」の満点を上限に加点（最大20点）
※リンガスキルの利用可</t>
    <rPh sb="0" eb="4">
      <t>コベツシケン</t>
    </rPh>
    <rPh sb="5" eb="8">
      <t>ガイコクゴ</t>
    </rPh>
    <rPh sb="14" eb="15">
      <t>ノゾ</t>
    </rPh>
    <rPh sb="19" eb="21">
      <t>マンテン</t>
    </rPh>
    <rPh sb="22" eb="24">
      <t>ジョウゲン</t>
    </rPh>
    <rPh sb="28" eb="30">
      <t>サイダイ</t>
    </rPh>
    <rPh sb="32" eb="33">
      <t>テン</t>
    </rPh>
    <phoneticPr fontId="4"/>
  </si>
  <si>
    <t>個別試験の得点に加点（３点）
TOEICはS&amp;Wのスコアを2.5倍にして合算</t>
    <rPh sb="0" eb="4">
      <t>コベツシケン</t>
    </rPh>
    <rPh sb="5" eb="7">
      <t>トクテン</t>
    </rPh>
    <rPh sb="6" eb="7">
      <t>テン</t>
    </rPh>
    <phoneticPr fontId="4"/>
  </si>
  <si>
    <t>930
Ad
Ba
CBT</t>
    <phoneticPr fontId="4"/>
  </si>
  <si>
    <t>一般選抜入試（Ａ・Ｂ日程、相互併願）</t>
    <rPh sb="0" eb="2">
      <t>イッパン</t>
    </rPh>
    <rPh sb="2" eb="4">
      <t>センバツ</t>
    </rPh>
    <rPh sb="4" eb="6">
      <t>ニュウシ</t>
    </rPh>
    <rPh sb="10" eb="12">
      <t>ニッテイ</t>
    </rPh>
    <phoneticPr fontId="4"/>
  </si>
  <si>
    <t>一般選抜入試（Ｃ日程）</t>
    <rPh sb="0" eb="2">
      <t>イッパン</t>
    </rPh>
    <rPh sb="2" eb="4">
      <t>センバツ</t>
    </rPh>
    <rPh sb="4" eb="6">
      <t>ニュウシ</t>
    </rPh>
    <rPh sb="8" eb="10">
      <t>ニッテイ</t>
    </rPh>
    <phoneticPr fontId="4"/>
  </si>
  <si>
    <t>KET
120
※</t>
    <phoneticPr fontId="4"/>
  </si>
  <si>
    <t>個別試験または共通テスト「英語」の得点に換算（60～100点）（個別試験または共通テスト「英語」の受験は必須、高得点の方を利用）
TOEICはS&amp;Wのスコアを2.5倍にして合算
※リンガスキルの利用可</t>
    <rPh sb="0" eb="2">
      <t>コベツ</t>
    </rPh>
    <rPh sb="2" eb="4">
      <t>シケン</t>
    </rPh>
    <rPh sb="7" eb="9">
      <t>キョウツウ</t>
    </rPh>
    <rPh sb="13" eb="15">
      <t>エイゴ</t>
    </rPh>
    <rPh sb="17" eb="19">
      <t>トクテン</t>
    </rPh>
    <rPh sb="20" eb="22">
      <t>カンサン</t>
    </rPh>
    <rPh sb="29" eb="30">
      <t>テン</t>
    </rPh>
    <rPh sb="32" eb="34">
      <t>コベツ</t>
    </rPh>
    <rPh sb="34" eb="36">
      <t>シケン</t>
    </rPh>
    <rPh sb="39" eb="41">
      <t>キョウツウ</t>
    </rPh>
    <rPh sb="49" eb="51">
      <t>ジュケン</t>
    </rPh>
    <rPh sb="52" eb="54">
      <t>ヒッス</t>
    </rPh>
    <rPh sb="82" eb="83">
      <t>バイ</t>
    </rPh>
    <rPh sb="86" eb="88">
      <t>ガッサン</t>
    </rPh>
    <rPh sb="97" eb="99">
      <t>リヨウ</t>
    </rPh>
    <rPh sb="99" eb="100">
      <t>カ</t>
    </rPh>
    <phoneticPr fontId="4"/>
  </si>
  <si>
    <t>140
※</t>
    <phoneticPr fontId="18"/>
  </si>
  <si>
    <t>一般入試（中期）</t>
    <rPh sb="0" eb="2">
      <t>イッパン</t>
    </rPh>
    <rPh sb="2" eb="4">
      <t>ニュウシ</t>
    </rPh>
    <rPh sb="5" eb="7">
      <t>チュウキ</t>
    </rPh>
    <phoneticPr fontId="4"/>
  </si>
  <si>
    <t>全学部（経営（第２部）を除く）</t>
    <rPh sb="4" eb="6">
      <t>ケイエイ</t>
    </rPh>
    <rPh sb="7" eb="8">
      <t>ダイ</t>
    </rPh>
    <rPh sb="9" eb="10">
      <t>ブ</t>
    </rPh>
    <rPh sb="12" eb="13">
      <t>ノゾ</t>
    </rPh>
    <phoneticPr fontId="4"/>
  </si>
  <si>
    <t>共通テストの得点に加点（160～200点）
ケンブリッジ英語検定はPET以上受検者が対象
英検は２級以上受検者が対象
TOEICは他に技能ごとの基準あり</t>
    <rPh sb="0" eb="2">
      <t>キョウツウ</t>
    </rPh>
    <rPh sb="6" eb="8">
      <t>トクテン</t>
    </rPh>
    <rPh sb="9" eb="11">
      <t>カテン</t>
    </rPh>
    <rPh sb="19" eb="20">
      <t>テン</t>
    </rPh>
    <rPh sb="30" eb="32">
      <t>ケンテイ</t>
    </rPh>
    <rPh sb="38" eb="40">
      <t>ジュケン</t>
    </rPh>
    <phoneticPr fontId="4"/>
  </si>
  <si>
    <t>個別試験「英語」の得点に換算（75～95点）（個別試験「英語」の受験は必須、高得点の方を利用）</t>
    <rPh sb="0" eb="2">
      <t>コベツ</t>
    </rPh>
    <rPh sb="2" eb="4">
      <t>シケン</t>
    </rPh>
    <rPh sb="5" eb="7">
      <t>エイゴ</t>
    </rPh>
    <rPh sb="9" eb="11">
      <t>トクテン</t>
    </rPh>
    <rPh sb="12" eb="14">
      <t>カンサン</t>
    </rPh>
    <rPh sb="20" eb="21">
      <t>テン</t>
    </rPh>
    <rPh sb="23" eb="25">
      <t>コベツ</t>
    </rPh>
    <rPh sb="25" eb="27">
      <t>シケン</t>
    </rPh>
    <rPh sb="28" eb="30">
      <t>エイゴ</t>
    </rPh>
    <rPh sb="32" eb="34">
      <t>ジュケン</t>
    </rPh>
    <rPh sb="35" eb="37">
      <t>ヒッス</t>
    </rPh>
    <rPh sb="38" eb="41">
      <t>コウトクテン</t>
    </rPh>
    <rPh sb="42" eb="43">
      <t>ホウ</t>
    </rPh>
    <rPh sb="44" eb="46">
      <t>リヨウ</t>
    </rPh>
    <phoneticPr fontId="4"/>
  </si>
  <si>
    <t>個別試験または共通テスト「外国語」の得点に換算（70～100％）（受験した場合は高得点の方を利用）</t>
    <rPh sb="0" eb="2">
      <t>コベツ</t>
    </rPh>
    <rPh sb="2" eb="4">
      <t>シケン</t>
    </rPh>
    <rPh sb="7" eb="9">
      <t>キョウツウ</t>
    </rPh>
    <rPh sb="13" eb="16">
      <t>ガイコクゴ</t>
    </rPh>
    <rPh sb="18" eb="20">
      <t>トクテン</t>
    </rPh>
    <rPh sb="21" eb="23">
      <t>カンサン</t>
    </rPh>
    <rPh sb="33" eb="35">
      <t>ジュケン</t>
    </rPh>
    <rPh sb="37" eb="39">
      <t>バアイ</t>
    </rPh>
    <rPh sb="40" eb="43">
      <t>コウトクテン</t>
    </rPh>
    <rPh sb="44" eb="45">
      <t>ホウ</t>
    </rPh>
    <rPh sb="46" eb="48">
      <t>リヨウ</t>
    </rPh>
    <phoneticPr fontId="4"/>
  </si>
  <si>
    <t>共通テスト利用（Ⅱ・Ⅲ期）</t>
    <rPh sb="0" eb="2">
      <t>キョウツウ</t>
    </rPh>
    <rPh sb="5" eb="7">
      <t>リヨウ</t>
    </rPh>
    <rPh sb="11" eb="12">
      <t>キ</t>
    </rPh>
    <phoneticPr fontId="4"/>
  </si>
  <si>
    <t>共通テスト利用選抜、共通テストプラス方式</t>
    <rPh sb="0" eb="2">
      <t>キョウツウ</t>
    </rPh>
    <rPh sb="5" eb="7">
      <t>リヨウ</t>
    </rPh>
    <rPh sb="7" eb="9">
      <t>センバツ</t>
    </rPh>
    <rPh sb="10" eb="12">
      <t>キョウツウ</t>
    </rPh>
    <rPh sb="18" eb="20">
      <t>ホウシキ</t>
    </rPh>
    <phoneticPr fontId="4"/>
  </si>
  <si>
    <t>個別試験「外国語」の得点に換算（75または90点）（個別試験「外国語」の受験は必須、高得点の方を利用）</t>
    <rPh sb="5" eb="7">
      <t>ガイコク</t>
    </rPh>
    <rPh sb="23" eb="24">
      <t>テン</t>
    </rPh>
    <rPh sb="31" eb="33">
      <t>ガイコク</t>
    </rPh>
    <phoneticPr fontId="4"/>
  </si>
  <si>
    <t>個別試験「英語」または共通テスト「外国語」の得点に換算（60～100％）（高得点の方を利用）
TOEICはS&amp;Wのスコアを2.5倍にして合算</t>
    <rPh sb="0" eb="2">
      <t>コベツ</t>
    </rPh>
    <rPh sb="2" eb="4">
      <t>シケン</t>
    </rPh>
    <rPh sb="5" eb="7">
      <t>エイゴ</t>
    </rPh>
    <rPh sb="11" eb="13">
      <t>キョウツウ</t>
    </rPh>
    <rPh sb="17" eb="20">
      <t>ガイコクゴ</t>
    </rPh>
    <rPh sb="22" eb="24">
      <t>トクテン</t>
    </rPh>
    <rPh sb="25" eb="27">
      <t>カンサン</t>
    </rPh>
    <rPh sb="37" eb="40">
      <t>コウトクテン</t>
    </rPh>
    <rPh sb="41" eb="42">
      <t>ホウ</t>
    </rPh>
    <rPh sb="43" eb="45">
      <t>リヨウ</t>
    </rPh>
    <rPh sb="64" eb="65">
      <t>バイ</t>
    </rPh>
    <rPh sb="68" eb="70">
      <t>ガッサン</t>
    </rPh>
    <phoneticPr fontId="1"/>
  </si>
  <si>
    <t>共通テストの得点に加点（60～100点）</t>
    <rPh sb="0" eb="2">
      <t>キョウツウ</t>
    </rPh>
    <rPh sb="6" eb="8">
      <t>トクテン</t>
    </rPh>
    <rPh sb="9" eb="11">
      <t>カテン</t>
    </rPh>
    <rPh sb="18" eb="19">
      <t>テン</t>
    </rPh>
    <phoneticPr fontId="4"/>
  </si>
  <si>
    <t>個別試験「外国語」の得点に換算（70～100点）（個別試験「外国語」の受験は必須、高得点の方を利用）</t>
    <rPh sb="0" eb="2">
      <t>コベツ</t>
    </rPh>
    <rPh sb="2" eb="4">
      <t>シケン</t>
    </rPh>
    <rPh sb="5" eb="8">
      <t>ガイコクゴ</t>
    </rPh>
    <rPh sb="10" eb="12">
      <t>トクテン</t>
    </rPh>
    <rPh sb="13" eb="15">
      <t>カンサン</t>
    </rPh>
    <rPh sb="22" eb="23">
      <t>テン</t>
    </rPh>
    <rPh sb="25" eb="29">
      <t>コベツシケン</t>
    </rPh>
    <rPh sb="30" eb="33">
      <t>ガイコクゴ</t>
    </rPh>
    <rPh sb="35" eb="37">
      <t>ジュケン</t>
    </rPh>
    <rPh sb="38" eb="40">
      <t>ヒッス</t>
    </rPh>
    <rPh sb="41" eb="44">
      <t>コウトクテン</t>
    </rPh>
    <rPh sb="45" eb="46">
      <t>ホウ</t>
    </rPh>
    <rPh sb="47" eb="49">
      <t>リヨウ</t>
    </rPh>
    <phoneticPr fontId="4"/>
  </si>
  <si>
    <t>共通テストの得点に加点（60～100点）</t>
    <rPh sb="9" eb="11">
      <t>カテン</t>
    </rPh>
    <rPh sb="18" eb="19">
      <t>テン</t>
    </rPh>
    <phoneticPr fontId="4"/>
  </si>
  <si>
    <t>共通テストの得点に加点（10～30点）</t>
    <rPh sb="0" eb="2">
      <t>キョウツウ</t>
    </rPh>
    <rPh sb="6" eb="8">
      <t>トクテン</t>
    </rPh>
    <rPh sb="9" eb="11">
      <t>カテン</t>
    </rPh>
    <rPh sb="17" eb="18">
      <t>テン</t>
    </rPh>
    <phoneticPr fontId="4"/>
  </si>
  <si>
    <t>一般選抜（第１回、第２回）</t>
    <rPh sb="2" eb="4">
      <t>センバツ</t>
    </rPh>
    <rPh sb="5" eb="6">
      <t>ダイ</t>
    </rPh>
    <rPh sb="7" eb="8">
      <t>カイ</t>
    </rPh>
    <rPh sb="9" eb="10">
      <t>ダイ</t>
    </rPh>
    <rPh sb="11" eb="12">
      <t>カイ</t>
    </rPh>
    <phoneticPr fontId="4"/>
  </si>
  <si>
    <t>清泉</t>
    <phoneticPr fontId="4"/>
  </si>
  <si>
    <t>神戸松蔭</t>
    <phoneticPr fontId="4"/>
  </si>
  <si>
    <t>大阪常磐会</t>
    <rPh sb="0" eb="2">
      <t>オオサカ</t>
    </rPh>
    <phoneticPr fontId="4"/>
  </si>
  <si>
    <t>文理</t>
    <rPh sb="0" eb="2">
      <t>ブンリ</t>
    </rPh>
    <phoneticPr fontId="4"/>
  </si>
  <si>
    <t>一般選抜（Ａ個別方式人文系・社会系、理学系）</t>
    <rPh sb="0" eb="2">
      <t>イッパン</t>
    </rPh>
    <rPh sb="2" eb="4">
      <t>センバツ</t>
    </rPh>
    <rPh sb="6" eb="8">
      <t>コベツ</t>
    </rPh>
    <rPh sb="8" eb="10">
      <t>ホウシキ</t>
    </rPh>
    <rPh sb="10" eb="12">
      <t>ジンブン</t>
    </rPh>
    <rPh sb="12" eb="13">
      <t>ケイ</t>
    </rPh>
    <rPh sb="14" eb="17">
      <t>シャカイケイ</t>
    </rPh>
    <rPh sb="18" eb="21">
      <t>リガクケイ</t>
    </rPh>
    <phoneticPr fontId="4"/>
  </si>
  <si>
    <t>930
CBT</t>
    <phoneticPr fontId="4"/>
  </si>
  <si>
    <t>文</t>
    <phoneticPr fontId="4"/>
  </si>
  <si>
    <t>個別試験の得点に加点（最大50点）</t>
    <rPh sb="8" eb="10">
      <t>カテン</t>
    </rPh>
    <rPh sb="11" eb="13">
      <t>サイダイ</t>
    </rPh>
    <rPh sb="15" eb="16">
      <t>テン</t>
    </rPh>
    <phoneticPr fontId="4"/>
  </si>
  <si>
    <t>全学部</t>
    <rPh sb="0" eb="3">
      <t>ゼンガクブ</t>
    </rPh>
    <phoneticPr fontId="4"/>
  </si>
  <si>
    <t>一般選抜（Ａ・Ｂ日程）</t>
    <rPh sb="0" eb="2">
      <t>イッパン</t>
    </rPh>
    <rPh sb="2" eb="4">
      <t>センバツ</t>
    </rPh>
    <rPh sb="8" eb="10">
      <t>ニッテイ</t>
    </rPh>
    <phoneticPr fontId="4"/>
  </si>
  <si>
    <t>個別試験「英語」の満点を上限に加点（５～20点）</t>
    <rPh sb="0" eb="4">
      <t>コベツシケン</t>
    </rPh>
    <rPh sb="5" eb="7">
      <t>エイゴ</t>
    </rPh>
    <rPh sb="9" eb="11">
      <t>マンテン</t>
    </rPh>
    <rPh sb="12" eb="14">
      <t>ジョウゲン</t>
    </rPh>
    <rPh sb="15" eb="17">
      <t>カテン</t>
    </rPh>
    <rPh sb="22" eb="23">
      <t>テン</t>
    </rPh>
    <phoneticPr fontId="4"/>
  </si>
  <si>
    <t>930
CBT</t>
    <phoneticPr fontId="4"/>
  </si>
  <si>
    <t>個別試験の得点に加点（最大100点）
※共通テスト「英語」でも代替可</t>
    <rPh sb="0" eb="2">
      <t>コベツ</t>
    </rPh>
    <rPh sb="2" eb="4">
      <t>シケン</t>
    </rPh>
    <rPh sb="5" eb="7">
      <t>トクテン</t>
    </rPh>
    <rPh sb="8" eb="10">
      <t>カテン</t>
    </rPh>
    <rPh sb="11" eb="13">
      <t>サイダイ</t>
    </rPh>
    <rPh sb="16" eb="17">
      <t>テン</t>
    </rPh>
    <rPh sb="20" eb="22">
      <t>キョウツウ</t>
    </rPh>
    <rPh sb="26" eb="28">
      <t>エイゴ</t>
    </rPh>
    <rPh sb="31" eb="34">
      <t>ダイタイカ</t>
    </rPh>
    <phoneticPr fontId="4"/>
  </si>
  <si>
    <t>全学部</t>
    <rPh sb="0" eb="3">
      <t>ゼンガクブ</t>
    </rPh>
    <phoneticPr fontId="4"/>
  </si>
  <si>
    <t>一般選抜（専願型）</t>
    <rPh sb="0" eb="4">
      <t>イッパンセンバツ</t>
    </rPh>
    <rPh sb="5" eb="8">
      <t>センガンガタ</t>
    </rPh>
    <phoneticPr fontId="4"/>
  </si>
  <si>
    <t>△</t>
    <phoneticPr fontId="4"/>
  </si>
  <si>
    <t>2級</t>
    <rPh sb="1" eb="2">
      <t>キュウ</t>
    </rPh>
    <phoneticPr fontId="4"/>
  </si>
  <si>
    <t>合否ラインで他の志願者と同点で並んだ場合、合否判定で優遇することがある</t>
    <rPh sb="0" eb="2">
      <t>ゴウヒ</t>
    </rPh>
    <rPh sb="6" eb="7">
      <t>ホカ</t>
    </rPh>
    <rPh sb="8" eb="11">
      <t>シガンシャ</t>
    </rPh>
    <rPh sb="12" eb="14">
      <t>ドウテン</t>
    </rPh>
    <rPh sb="15" eb="16">
      <t>ナラ</t>
    </rPh>
    <rPh sb="18" eb="20">
      <t>バアイ</t>
    </rPh>
    <rPh sb="21" eb="25">
      <t>ゴウヒハンテイ</t>
    </rPh>
    <rPh sb="26" eb="28">
      <t>ユウグウ</t>
    </rPh>
    <phoneticPr fontId="4"/>
  </si>
  <si>
    <t>個別試験の得点に加点（50～100％）</t>
    <rPh sb="0" eb="2">
      <t>コベツ</t>
    </rPh>
    <rPh sb="2" eb="4">
      <t>シケン</t>
    </rPh>
    <rPh sb="5" eb="7">
      <t>トクテン</t>
    </rPh>
    <rPh sb="8" eb="10">
      <t>カテン</t>
    </rPh>
    <phoneticPr fontId="4"/>
  </si>
  <si>
    <t>全学部</t>
    <rPh sb="0" eb="3">
      <t>ゼンガクブ</t>
    </rPh>
    <phoneticPr fontId="4"/>
  </si>
  <si>
    <t>一般選抜</t>
    <rPh sb="0" eb="2">
      <t>イッパン</t>
    </rPh>
    <rPh sb="2" eb="4">
      <t>センバツ</t>
    </rPh>
    <phoneticPr fontId="4"/>
  </si>
  <si>
    <t>△</t>
    <phoneticPr fontId="4"/>
  </si>
  <si>
    <t>930
※</t>
    <phoneticPr fontId="4"/>
  </si>
  <si>
    <t>文（英文）</t>
    <rPh sb="0" eb="1">
      <t>ブン</t>
    </rPh>
    <rPh sb="2" eb="4">
      <t>エイブン</t>
    </rPh>
    <phoneticPr fontId="4"/>
  </si>
  <si>
    <t>★</t>
    <phoneticPr fontId="4"/>
  </si>
  <si>
    <t>TOEICはS&amp;Wのスコアを2.5倍にして合算</t>
    <phoneticPr fontId="4"/>
  </si>
  <si>
    <t>○</t>
    <phoneticPr fontId="4"/>
  </si>
  <si>
    <t>全学部</t>
    <rPh sb="0" eb="3">
      <t>ゼンガクブ</t>
    </rPh>
    <phoneticPr fontId="4"/>
  </si>
  <si>
    <t>一般選抜Ａ日程、共通テストプラス選抜</t>
    <rPh sb="0" eb="2">
      <t>イッパン</t>
    </rPh>
    <rPh sb="2" eb="4">
      <t>センバツ</t>
    </rPh>
    <rPh sb="5" eb="7">
      <t>ニッテイ</t>
    </rPh>
    <rPh sb="8" eb="10">
      <t>キョウツウ</t>
    </rPh>
    <rPh sb="16" eb="18">
      <t>センバツ</t>
    </rPh>
    <phoneticPr fontId="4"/>
  </si>
  <si>
    <t>△</t>
    <phoneticPr fontId="4"/>
  </si>
  <si>
    <t>個別試験「英語」の得点に換算（70～100点）（受験した場合は高得点の方を利用）</t>
    <rPh sb="0" eb="4">
      <t>コベツシケン</t>
    </rPh>
    <rPh sb="5" eb="7">
      <t>エイゴ</t>
    </rPh>
    <rPh sb="9" eb="11">
      <t>トクテン</t>
    </rPh>
    <rPh sb="12" eb="14">
      <t>カンサン</t>
    </rPh>
    <rPh sb="21" eb="22">
      <t>テン</t>
    </rPh>
    <rPh sb="24" eb="26">
      <t>ジュケン</t>
    </rPh>
    <rPh sb="28" eb="30">
      <t>バアイ</t>
    </rPh>
    <rPh sb="31" eb="34">
      <t>コウトクテン</t>
    </rPh>
    <rPh sb="35" eb="36">
      <t>ホウ</t>
    </rPh>
    <rPh sb="37" eb="39">
      <t>リヨウ</t>
    </rPh>
    <phoneticPr fontId="4"/>
  </si>
  <si>
    <t>一般選抜入試、一般選抜・共通テスト併用入試</t>
    <rPh sb="2" eb="4">
      <t>センバツ</t>
    </rPh>
    <rPh sb="4" eb="6">
      <t>ニュウシ</t>
    </rPh>
    <rPh sb="7" eb="9">
      <t>イッパン</t>
    </rPh>
    <rPh sb="9" eb="11">
      <t>センバツ</t>
    </rPh>
    <rPh sb="17" eb="19">
      <t>ヘイヨウ</t>
    </rPh>
    <phoneticPr fontId="4"/>
  </si>
  <si>
    <t>一般選抜（Ｃ日程）</t>
    <rPh sb="0" eb="4">
      <t>イッパンセンバツ</t>
    </rPh>
    <rPh sb="6" eb="8">
      <t>ニッテイ</t>
    </rPh>
    <phoneticPr fontId="4"/>
  </si>
  <si>
    <t>個別試験の得点に加点（30～100点）
TOEICはS&amp;Wのスコアを2.5倍にして合算</t>
    <rPh sb="5" eb="7">
      <t>トクテン</t>
    </rPh>
    <rPh sb="17" eb="18">
      <t>テン</t>
    </rPh>
    <phoneticPr fontId="4"/>
  </si>
  <si>
    <t>調査書に加点（５または10点）</t>
    <rPh sb="0" eb="3">
      <t>チョウサショ</t>
    </rPh>
    <rPh sb="4" eb="6">
      <t>カテン</t>
    </rPh>
    <rPh sb="13" eb="14">
      <t>テン</t>
    </rPh>
    <phoneticPr fontId="4"/>
  </si>
  <si>
    <t>Global Citizenship Program Link型</t>
    <phoneticPr fontId="4"/>
  </si>
  <si>
    <t>現代教養（人文－英語圏文化、国際社会）</t>
    <rPh sb="0" eb="2">
      <t>ゲンダイ</t>
    </rPh>
    <rPh sb="2" eb="4">
      <t>キョウヨウ</t>
    </rPh>
    <rPh sb="5" eb="7">
      <t>ジンブン</t>
    </rPh>
    <rPh sb="8" eb="10">
      <t>エイゴ</t>
    </rPh>
    <rPh sb="10" eb="11">
      <t>ケン</t>
    </rPh>
    <rPh sb="11" eb="13">
      <t>ブンカ</t>
    </rPh>
    <rPh sb="14" eb="16">
      <t>コクサイ</t>
    </rPh>
    <rPh sb="16" eb="18">
      <t>シャカイ</t>
    </rPh>
    <phoneticPr fontId="4"/>
  </si>
  <si>
    <t>現代教養（人文－英語圏文化、国際社会を除く）</t>
    <rPh sb="0" eb="2">
      <t>ゲンダイ</t>
    </rPh>
    <rPh sb="2" eb="4">
      <t>キョウヨウ</t>
    </rPh>
    <rPh sb="5" eb="7">
      <t>ジンブン</t>
    </rPh>
    <rPh sb="8" eb="10">
      <t>エイゴ</t>
    </rPh>
    <rPh sb="10" eb="11">
      <t>ケン</t>
    </rPh>
    <rPh sb="11" eb="13">
      <t>ブンカ</t>
    </rPh>
    <rPh sb="14" eb="16">
      <t>コクサイ</t>
    </rPh>
    <rPh sb="16" eb="18">
      <t>シャカイ</t>
    </rPh>
    <rPh sb="19" eb="20">
      <t>ノゾ</t>
    </rPh>
    <phoneticPr fontId="4"/>
  </si>
  <si>
    <t>英検は準２級以上受検者対象、４技能全て受検すること
TOEICは他に技能ごとの基準あり</t>
    <rPh sb="0" eb="2">
      <t>エイケン</t>
    </rPh>
    <rPh sb="3" eb="4">
      <t>ジュン</t>
    </rPh>
    <rPh sb="6" eb="8">
      <t>イジョウ</t>
    </rPh>
    <rPh sb="15" eb="17">
      <t>ギノウ</t>
    </rPh>
    <rPh sb="17" eb="18">
      <t>スベ</t>
    </rPh>
    <rPh sb="19" eb="21">
      <t>ジュケン</t>
    </rPh>
    <phoneticPr fontId="4"/>
  </si>
  <si>
    <t>文</t>
    <rPh sb="0" eb="1">
      <t>ブン</t>
    </rPh>
    <phoneticPr fontId="4"/>
  </si>
  <si>
    <t>一般選抜</t>
    <rPh sb="0" eb="4">
      <t>イッパンセンバツ</t>
    </rPh>
    <phoneticPr fontId="4"/>
  </si>
  <si>
    <t>一般選抜</t>
    <rPh sb="0" eb="4">
      <t>イッパンセンバツ</t>
    </rPh>
    <phoneticPr fontId="4"/>
  </si>
  <si>
    <t>△</t>
    <phoneticPr fontId="4"/>
  </si>
  <si>
    <t>3級</t>
    <phoneticPr fontId="4"/>
  </si>
  <si>
    <t>人文</t>
    <rPh sb="0" eb="2">
      <t>ジンブン</t>
    </rPh>
    <phoneticPr fontId="4"/>
  </si>
  <si>
    <t>個別試験「英語」の得点に換算（70～100点）（個別試験「英語」は受験できない）
TOEICはS&amp;Wのスコアを2.5倍にして合算</t>
    <phoneticPr fontId="4"/>
  </si>
  <si>
    <t>一般入試（多面的評価前期２科目）</t>
    <rPh sb="2" eb="4">
      <t>ニュウシ</t>
    </rPh>
    <rPh sb="5" eb="12">
      <t>タメンテキヒョウカゼンキ</t>
    </rPh>
    <rPh sb="13" eb="15">
      <t>カモク</t>
    </rPh>
    <phoneticPr fontId="21"/>
  </si>
  <si>
    <t>文（哲、東洋思想文化、教育－人間発達、教育－初等教育）、福祉社会デザイン（社会福祉）、健康スポーツ科学（栄養科学）、文学部第２部（日本文学文化除く）</t>
    <rPh sb="0" eb="1">
      <t>ブン</t>
    </rPh>
    <rPh sb="2" eb="3">
      <t>テツ</t>
    </rPh>
    <rPh sb="4" eb="8">
      <t>トウヨウシソウ</t>
    </rPh>
    <rPh sb="8" eb="10">
      <t>ブンカ</t>
    </rPh>
    <rPh sb="11" eb="13">
      <t>キョウイク</t>
    </rPh>
    <rPh sb="14" eb="18">
      <t>ニンゲンハッタツ</t>
    </rPh>
    <rPh sb="19" eb="21">
      <t>キョウイク</t>
    </rPh>
    <rPh sb="22" eb="26">
      <t>ショトウキョウイク</t>
    </rPh>
    <rPh sb="28" eb="30">
      <t>フクシ</t>
    </rPh>
    <rPh sb="30" eb="32">
      <t>シャカイ</t>
    </rPh>
    <rPh sb="37" eb="41">
      <t>シャカイフクシ</t>
    </rPh>
    <rPh sb="43" eb="45">
      <t>ケンコウ</t>
    </rPh>
    <rPh sb="49" eb="51">
      <t>カガク</t>
    </rPh>
    <rPh sb="52" eb="56">
      <t>エイヨウカガク</t>
    </rPh>
    <rPh sb="58" eb="61">
      <t>ブンガクブ</t>
    </rPh>
    <rPh sb="61" eb="62">
      <t>ダイ</t>
    </rPh>
    <rPh sb="63" eb="64">
      <t>ブ</t>
    </rPh>
    <rPh sb="65" eb="69">
      <t>ニホンブンガク</t>
    </rPh>
    <rPh sb="69" eb="71">
      <t>ブンカ</t>
    </rPh>
    <rPh sb="71" eb="72">
      <t>ノゾ</t>
    </rPh>
    <phoneticPr fontId="24"/>
  </si>
  <si>
    <t>美術</t>
    <rPh sb="0" eb="2">
      <t>ビジュツ</t>
    </rPh>
    <phoneticPr fontId="4"/>
  </si>
  <si>
    <t>準2級
1850</t>
    <rPh sb="0" eb="1">
      <t>ジュン</t>
    </rPh>
    <rPh sb="2" eb="3">
      <t>キュウ</t>
    </rPh>
    <phoneticPr fontId="4"/>
  </si>
  <si>
    <t>一般選抜（英語外部試験利用）</t>
    <rPh sb="0" eb="2">
      <t>イッパン</t>
    </rPh>
    <rPh sb="2" eb="4">
      <t>センバツ</t>
    </rPh>
    <rPh sb="5" eb="7">
      <t>エイゴ</t>
    </rPh>
    <rPh sb="7" eb="9">
      <t>ガイブ</t>
    </rPh>
    <rPh sb="9" eb="11">
      <t>シケン</t>
    </rPh>
    <rPh sb="11" eb="13">
      <t>リヨウ</t>
    </rPh>
    <phoneticPr fontId="4"/>
  </si>
  <si>
    <t>一般入試（Ａ・Ｂ日程）</t>
    <rPh sb="0" eb="2">
      <t>イッパン</t>
    </rPh>
    <rPh sb="2" eb="4">
      <t>ニュウシ</t>
    </rPh>
    <rPh sb="8" eb="10">
      <t>ニッテイ</t>
    </rPh>
    <phoneticPr fontId="4"/>
  </si>
  <si>
    <t>全学部</t>
    <rPh sb="0" eb="3">
      <t>ゼンガクブ</t>
    </rPh>
    <phoneticPr fontId="4"/>
  </si>
  <si>
    <t>個別試験「英語」の得点に換算（50～90％）（高得点の方を利用）</t>
    <rPh sb="5" eb="7">
      <t>エイゴ</t>
    </rPh>
    <phoneticPr fontId="4"/>
  </si>
  <si>
    <t>1055
Ad
CBT</t>
    <phoneticPr fontId="4"/>
  </si>
  <si>
    <t>個別試験の得点に加点</t>
    <rPh sb="0" eb="2">
      <t>コベツ</t>
    </rPh>
    <rPh sb="2" eb="4">
      <t>シケン</t>
    </rPh>
    <rPh sb="5" eb="7">
      <t>トクテン</t>
    </rPh>
    <rPh sb="8" eb="10">
      <t>カテン</t>
    </rPh>
    <phoneticPr fontId="4"/>
  </si>
  <si>
    <t>○</t>
    <phoneticPr fontId="4"/>
  </si>
  <si>
    <t>全学部</t>
    <rPh sb="0" eb="3">
      <t>ゼンガクブ</t>
    </rPh>
    <phoneticPr fontId="4"/>
  </si>
  <si>
    <t>一般選抜</t>
    <rPh sb="0" eb="2">
      <t>イッパン</t>
    </rPh>
    <rPh sb="2" eb="4">
      <t>センバツ</t>
    </rPh>
    <phoneticPr fontId="4"/>
  </si>
  <si>
    <t>△</t>
    <phoneticPr fontId="4"/>
  </si>
  <si>
    <t>個別試験「英語」の得点に換算（70～100点）（個別試験「英語」の受験は必須、高得点の方を利用）</t>
    <rPh sb="0" eb="4">
      <t>コベツシケン</t>
    </rPh>
    <rPh sb="5" eb="7">
      <t>エイゴ</t>
    </rPh>
    <rPh sb="9" eb="11">
      <t>トクテン</t>
    </rPh>
    <rPh sb="12" eb="14">
      <t>カンサン</t>
    </rPh>
    <rPh sb="21" eb="22">
      <t>テン</t>
    </rPh>
    <phoneticPr fontId="4"/>
  </si>
  <si>
    <t>全学部</t>
    <rPh sb="0" eb="3">
      <t>ゼンガクブ</t>
    </rPh>
    <phoneticPr fontId="4"/>
  </si>
  <si>
    <t>一般選抜、大学入学共通テスト利用選抜</t>
    <rPh sb="0" eb="2">
      <t>イッパン</t>
    </rPh>
    <rPh sb="2" eb="4">
      <t>センバツ</t>
    </rPh>
    <rPh sb="5" eb="7">
      <t>ダイガク</t>
    </rPh>
    <rPh sb="7" eb="9">
      <t>ニュウガク</t>
    </rPh>
    <rPh sb="9" eb="11">
      <t>キョウツウ</t>
    </rPh>
    <rPh sb="14" eb="18">
      <t>リヨウセンバツ</t>
    </rPh>
    <phoneticPr fontId="4"/>
  </si>
  <si>
    <t>全学部</t>
    <rPh sb="0" eb="3">
      <t>ゼンガクブ</t>
    </rPh>
    <phoneticPr fontId="4"/>
  </si>
  <si>
    <t>大学入学共通テスト利用試験</t>
    <rPh sb="11" eb="13">
      <t>シケン</t>
    </rPh>
    <phoneticPr fontId="4"/>
  </si>
  <si>
    <t>情報デザイン、建築・環境デザイン</t>
    <rPh sb="0" eb="2">
      <t>ジョウホウ</t>
    </rPh>
    <rPh sb="7" eb="9">
      <t>ケンチク</t>
    </rPh>
    <rPh sb="10" eb="12">
      <t>カンキョウ</t>
    </rPh>
    <phoneticPr fontId="4"/>
  </si>
  <si>
    <t>スポーツ健康、システム工</t>
    <rPh sb="4" eb="6">
      <t>ケンコウ</t>
    </rPh>
    <rPh sb="11" eb="12">
      <t>コウ</t>
    </rPh>
    <phoneticPr fontId="4"/>
  </si>
  <si>
    <t>選択科目として利用可（120～200点）</t>
    <rPh sb="0" eb="4">
      <t>センタクカモク</t>
    </rPh>
    <rPh sb="7" eb="10">
      <t>リヨウカ</t>
    </rPh>
    <rPh sb="18" eb="19">
      <t>テン</t>
    </rPh>
    <phoneticPr fontId="4"/>
  </si>
  <si>
    <t>一般入試（英語外部検定試験利用型）</t>
    <rPh sb="0" eb="4">
      <t>イッパンニュウシ</t>
    </rPh>
    <rPh sb="5" eb="7">
      <t>エイゴ</t>
    </rPh>
    <rPh sb="7" eb="13">
      <t>ガイブケンテイシケン</t>
    </rPh>
    <rPh sb="13" eb="16">
      <t>リヨウガタ</t>
    </rPh>
    <phoneticPr fontId="4"/>
  </si>
  <si>
    <t>一般選抜Ｃ方式</t>
    <rPh sb="0" eb="4">
      <t>イッパンセンバツ</t>
    </rPh>
    <rPh sb="5" eb="7">
      <t>ホウシキ</t>
    </rPh>
    <phoneticPr fontId="4"/>
  </si>
  <si>
    <t>●</t>
    <phoneticPr fontId="4"/>
  </si>
  <si>
    <t>○</t>
    <phoneticPr fontId="4"/>
  </si>
  <si>
    <t>服飾</t>
    <rPh sb="0" eb="2">
      <t>フクショク</t>
    </rPh>
    <phoneticPr fontId="4"/>
  </si>
  <si>
    <t>一般選抜（２月入試）</t>
    <rPh sb="0" eb="2">
      <t>イッパン</t>
    </rPh>
    <rPh sb="2" eb="4">
      <t>センバツ</t>
    </rPh>
    <rPh sb="6" eb="7">
      <t>ガツ</t>
    </rPh>
    <rPh sb="7" eb="9">
      <t>ニュウシ</t>
    </rPh>
    <phoneticPr fontId="4"/>
  </si>
  <si>
    <t>一般選抜（前期）、一般＋共通テスト利用選抜（高得点合算型）</t>
    <rPh sb="0" eb="2">
      <t>イッパン</t>
    </rPh>
    <rPh sb="2" eb="4">
      <t>センバツ</t>
    </rPh>
    <rPh sb="5" eb="7">
      <t>ゼンキ</t>
    </rPh>
    <rPh sb="9" eb="11">
      <t>イッパン</t>
    </rPh>
    <rPh sb="12" eb="14">
      <t>キョウツウ</t>
    </rPh>
    <rPh sb="17" eb="19">
      <t>リヨウ</t>
    </rPh>
    <rPh sb="19" eb="21">
      <t>センバツ</t>
    </rPh>
    <rPh sb="22" eb="28">
      <t>コウトクテンガッサンガタ</t>
    </rPh>
    <phoneticPr fontId="4"/>
  </si>
  <si>
    <t>○</t>
    <phoneticPr fontId="4"/>
  </si>
  <si>
    <t>こども教育</t>
    <rPh sb="3" eb="5">
      <t>キョウイク</t>
    </rPh>
    <phoneticPr fontId="4"/>
  </si>
  <si>
    <t>一般選抜（後期Ｂ方式）</t>
    <rPh sb="0" eb="4">
      <t>イッパンセンバツ</t>
    </rPh>
    <rPh sb="5" eb="7">
      <t>コウキ</t>
    </rPh>
    <rPh sb="8" eb="10">
      <t>ホウシキ</t>
    </rPh>
    <phoneticPr fontId="4"/>
  </si>
  <si>
    <t>個別試験の満点を上限に加点（５～10点）</t>
    <phoneticPr fontId="4"/>
  </si>
  <si>
    <t>一般選抜、共通テスト利用一般選抜</t>
    <rPh sb="0" eb="4">
      <t>イッパンセンバツ</t>
    </rPh>
    <rPh sb="5" eb="7">
      <t>キョウツウ</t>
    </rPh>
    <rPh sb="10" eb="12">
      <t>リヨウ</t>
    </rPh>
    <rPh sb="12" eb="14">
      <t>イッパン</t>
    </rPh>
    <rPh sb="14" eb="16">
      <t>センバツ</t>
    </rPh>
    <phoneticPr fontId="4"/>
  </si>
  <si>
    <t>個別試験「英語」の得点に換算（70～100点）（受験した場合は高得点の方を利用）
TOEICはS&amp;Wのスコアを2.5倍にして合算</t>
    <phoneticPr fontId="4"/>
  </si>
  <si>
    <t>一般選抜（筆記試験型）</t>
    <rPh sb="0" eb="2">
      <t>イッパン</t>
    </rPh>
    <rPh sb="2" eb="4">
      <t>センバツ</t>
    </rPh>
    <rPh sb="5" eb="10">
      <t>ヒッキシケンガタ</t>
    </rPh>
    <phoneticPr fontId="4"/>
  </si>
  <si>
    <t>一般選抜中期日程（英語外部検定試験プラス）</t>
    <rPh sb="0" eb="4">
      <t>イッパンセンバツ</t>
    </rPh>
    <rPh sb="4" eb="6">
      <t>チュウキ</t>
    </rPh>
    <rPh sb="6" eb="8">
      <t>ニッテイ</t>
    </rPh>
    <rPh sb="9" eb="11">
      <t>エイゴ</t>
    </rPh>
    <rPh sb="11" eb="15">
      <t>ガイブケンテイ</t>
    </rPh>
    <rPh sb="15" eb="17">
      <t>シケン</t>
    </rPh>
    <phoneticPr fontId="4"/>
  </si>
  <si>
    <t>医療技術、看護</t>
    <rPh sb="0" eb="2">
      <t>イリョウ</t>
    </rPh>
    <rPh sb="2" eb="4">
      <t>ギジュツ</t>
    </rPh>
    <rPh sb="5" eb="7">
      <t>カンゴ</t>
    </rPh>
    <phoneticPr fontId="4"/>
  </si>
  <si>
    <t>文、教育、外国語、法、経済、理工</t>
    <rPh sb="0" eb="1">
      <t>キョウモン</t>
    </rPh>
    <rPh sb="1" eb="2">
      <t>コクブン</t>
    </rPh>
    <phoneticPr fontId="4"/>
  </si>
  <si>
    <t>統一入試</t>
    <rPh sb="0" eb="4">
      <t>トウイツニュウシ</t>
    </rPh>
    <phoneticPr fontId="4"/>
  </si>
  <si>
    <t>個別試験「英語」の満点を上限に加点（10～25点）</t>
    <rPh sb="0" eb="2">
      <t>コベツ</t>
    </rPh>
    <rPh sb="2" eb="4">
      <t>シケン</t>
    </rPh>
    <rPh sb="5" eb="7">
      <t>エイゴ</t>
    </rPh>
    <rPh sb="9" eb="11">
      <t>マンテン</t>
    </rPh>
    <rPh sb="12" eb="14">
      <t>ジョウゲン</t>
    </rPh>
    <rPh sb="15" eb="17">
      <t>カテン</t>
    </rPh>
    <rPh sb="23" eb="24">
      <t>テン</t>
    </rPh>
    <phoneticPr fontId="4"/>
  </si>
  <si>
    <t>一般入試（中期）</t>
    <rPh sb="0" eb="4">
      <t>イッパンニュウシ</t>
    </rPh>
    <rPh sb="5" eb="7">
      <t>チュウキ</t>
    </rPh>
    <phoneticPr fontId="4"/>
  </si>
  <si>
    <t>共通テスト方式</t>
    <rPh sb="5" eb="7">
      <t>ホウシキ</t>
    </rPh>
    <phoneticPr fontId="4"/>
  </si>
  <si>
    <t>準2級
1700</t>
    <rPh sb="0" eb="1">
      <t>ジュン</t>
    </rPh>
    <phoneticPr fontId="4"/>
  </si>
  <si>
    <t>※リンガスキル（140）の利用可</t>
    <rPh sb="13" eb="15">
      <t>リヨウ</t>
    </rPh>
    <rPh sb="15" eb="16">
      <t>カ</t>
    </rPh>
    <phoneticPr fontId="4"/>
  </si>
  <si>
    <t>750
※</t>
    <phoneticPr fontId="4"/>
  </si>
  <si>
    <t>一般選抜（Ａ方式）</t>
    <rPh sb="2" eb="4">
      <t>センバツ</t>
    </rPh>
    <rPh sb="6" eb="8">
      <t>ホウシキ</t>
    </rPh>
    <phoneticPr fontId="4"/>
  </si>
  <si>
    <t>個別試験「英語」の得点に換算（70～90％）（個別試験「英語」の受験は必須、基準点を満たした場合のみ高得点の方を利用）
英検は準２級以上受検者が対象</t>
    <rPh sb="0" eb="2">
      <t>コベツ</t>
    </rPh>
    <rPh sb="2" eb="4">
      <t>シケン</t>
    </rPh>
    <rPh sb="5" eb="7">
      <t>エイゴ</t>
    </rPh>
    <rPh sb="9" eb="11">
      <t>トクテン</t>
    </rPh>
    <rPh sb="12" eb="14">
      <t>カンサン</t>
    </rPh>
    <rPh sb="23" eb="25">
      <t>コベツ</t>
    </rPh>
    <rPh sb="25" eb="27">
      <t>シケン</t>
    </rPh>
    <rPh sb="28" eb="30">
      <t>エイゴ</t>
    </rPh>
    <rPh sb="32" eb="34">
      <t>ジュケン</t>
    </rPh>
    <rPh sb="35" eb="37">
      <t>ヒッス</t>
    </rPh>
    <rPh sb="38" eb="41">
      <t>キジュンテン</t>
    </rPh>
    <rPh sb="42" eb="43">
      <t>ミ</t>
    </rPh>
    <rPh sb="46" eb="48">
      <t>バアイ</t>
    </rPh>
    <rPh sb="50" eb="51">
      <t>コウ</t>
    </rPh>
    <rPh sb="51" eb="53">
      <t>トクテン</t>
    </rPh>
    <rPh sb="54" eb="55">
      <t>ホウ</t>
    </rPh>
    <rPh sb="56" eb="58">
      <t>リヨウ</t>
    </rPh>
    <rPh sb="60" eb="62">
      <t>エイケン</t>
    </rPh>
    <rPh sb="63" eb="64">
      <t>ジュン</t>
    </rPh>
    <rPh sb="65" eb="66">
      <t>キュウ</t>
    </rPh>
    <rPh sb="66" eb="68">
      <t>イジョウ</t>
    </rPh>
    <rPh sb="68" eb="70">
      <t>ジュケン</t>
    </rPh>
    <rPh sb="70" eb="71">
      <t>シャ</t>
    </rPh>
    <rPh sb="72" eb="74">
      <t>タイショウ</t>
    </rPh>
    <phoneticPr fontId="4"/>
  </si>
  <si>
    <t>全学部（音楽を除く）</t>
    <rPh sb="0" eb="3">
      <t>ゼンガクブ</t>
    </rPh>
    <rPh sb="4" eb="6">
      <t>オンガク</t>
    </rPh>
    <rPh sb="7" eb="8">
      <t>ノゾ</t>
    </rPh>
    <phoneticPr fontId="4"/>
  </si>
  <si>
    <t>英語外部検定利用型</t>
    <rPh sb="0" eb="2">
      <t>エイゴ</t>
    </rPh>
    <rPh sb="2" eb="4">
      <t>ガイブ</t>
    </rPh>
    <rPh sb="4" eb="9">
      <t>ケンテイリヨウガタ</t>
    </rPh>
    <phoneticPr fontId="4"/>
  </si>
  <si>
    <t>930
Ad
Ba
CBT</t>
  </si>
  <si>
    <t>個別試験「英語」の得点に換算（60点）（高得点の方を利用）</t>
    <rPh sb="0" eb="4">
      <t>コベツシケン</t>
    </rPh>
    <rPh sb="5" eb="7">
      <t>エイゴ</t>
    </rPh>
    <rPh sb="9" eb="11">
      <t>トクテン</t>
    </rPh>
    <rPh sb="12" eb="14">
      <t>カンザン</t>
    </rPh>
    <rPh sb="17" eb="18">
      <t>テン</t>
    </rPh>
    <phoneticPr fontId="4"/>
  </si>
  <si>
    <t>一般選抜、共通テスト利用型選抜</t>
    <rPh sb="0" eb="4">
      <t>イッパンセンバツ</t>
    </rPh>
    <rPh sb="5" eb="7">
      <t>キョウツウ</t>
    </rPh>
    <rPh sb="10" eb="12">
      <t>リヨウ</t>
    </rPh>
    <rPh sb="12" eb="13">
      <t>ガタ</t>
    </rPh>
    <rPh sb="13" eb="15">
      <t>センバツ</t>
    </rPh>
    <phoneticPr fontId="4"/>
  </si>
  <si>
    <t>一般選抜（英語民間試験利用型）</t>
    <rPh sb="0" eb="2">
      <t>イッパン</t>
    </rPh>
    <rPh sb="2" eb="4">
      <t>センバツ</t>
    </rPh>
    <rPh sb="5" eb="7">
      <t>エイゴ</t>
    </rPh>
    <rPh sb="7" eb="11">
      <t>ミンカンシケン</t>
    </rPh>
    <rPh sb="11" eb="14">
      <t>リヨウガタ</t>
    </rPh>
    <phoneticPr fontId="4"/>
  </si>
  <si>
    <t>共通テスト利用選抜A方式</t>
    <rPh sb="0" eb="2">
      <t>キョウツウ</t>
    </rPh>
    <rPh sb="5" eb="7">
      <t>リヨウ</t>
    </rPh>
    <rPh sb="7" eb="9">
      <t>センバツ</t>
    </rPh>
    <rPh sb="10" eb="12">
      <t>ホウシキ</t>
    </rPh>
    <phoneticPr fontId="4"/>
  </si>
  <si>
    <t>大学が別途定めるスコアを満たす場合は、総合の得点に加点（10～40点）
英検は２級以上受検者が対象</t>
    <rPh sb="19" eb="21">
      <t>ソウゴウ</t>
    </rPh>
    <phoneticPr fontId="4"/>
  </si>
  <si>
    <t>英検は２級以上受検者が対象</t>
    <phoneticPr fontId="4"/>
  </si>
  <si>
    <t>学芸（英語英文、多文化・国際協力、情報科）、総合政策</t>
    <rPh sb="0" eb="2">
      <t>ガクゲイ</t>
    </rPh>
    <rPh sb="3" eb="5">
      <t>エイゴ</t>
    </rPh>
    <rPh sb="5" eb="7">
      <t>エイブン</t>
    </rPh>
    <rPh sb="8" eb="11">
      <t>タブンカ</t>
    </rPh>
    <rPh sb="12" eb="14">
      <t>コクサイ</t>
    </rPh>
    <rPh sb="14" eb="16">
      <t>キョウリョク</t>
    </rPh>
    <rPh sb="17" eb="19">
      <t>ジョウホウ</t>
    </rPh>
    <rPh sb="19" eb="20">
      <t>カ</t>
    </rPh>
    <phoneticPr fontId="4"/>
  </si>
  <si>
    <t>学芸（国際関係、数学）</t>
    <rPh sb="5" eb="7">
      <t>カンケイ</t>
    </rPh>
    <rPh sb="8" eb="10">
      <t>スウガク</t>
    </rPh>
    <phoneticPr fontId="4"/>
  </si>
  <si>
    <t>一般選抜（２月日程前期外部英語検定利用方式）</t>
    <rPh sb="0" eb="2">
      <t>イッパン</t>
    </rPh>
    <rPh sb="2" eb="4">
      <t>センバツ</t>
    </rPh>
    <rPh sb="6" eb="7">
      <t>ガツ</t>
    </rPh>
    <rPh sb="7" eb="9">
      <t>ニッテイ</t>
    </rPh>
    <rPh sb="9" eb="11">
      <t>ゼンキ</t>
    </rPh>
    <rPh sb="11" eb="13">
      <t>ガイブ</t>
    </rPh>
    <rPh sb="13" eb="15">
      <t>エイゴ</t>
    </rPh>
    <rPh sb="15" eb="17">
      <t>ケンテイ</t>
    </rPh>
    <rPh sb="17" eb="19">
      <t>リヨウ</t>
    </rPh>
    <rPh sb="19" eb="21">
      <t>ホウシキ</t>
    </rPh>
    <phoneticPr fontId="4"/>
  </si>
  <si>
    <t>個別試験または共通テストの得点に加点（５～25点）</t>
    <rPh sb="0" eb="2">
      <t>コベツ</t>
    </rPh>
    <rPh sb="2" eb="4">
      <t>シケン</t>
    </rPh>
    <rPh sb="7" eb="9">
      <t>キョウツウ</t>
    </rPh>
    <rPh sb="13" eb="15">
      <t>トクテン</t>
    </rPh>
    <rPh sb="16" eb="18">
      <t>カテン</t>
    </rPh>
    <rPh sb="23" eb="24">
      <t>テン</t>
    </rPh>
    <phoneticPr fontId="4"/>
  </si>
  <si>
    <t>共通テスト利用入試、一般選抜入試（共通テスト併用方式）</t>
    <rPh sb="0" eb="2">
      <t>キョウツウ</t>
    </rPh>
    <rPh sb="5" eb="7">
      <t>リヨウ</t>
    </rPh>
    <rPh sb="7" eb="9">
      <t>ニュウシ</t>
    </rPh>
    <rPh sb="10" eb="12">
      <t>イッパン</t>
    </rPh>
    <rPh sb="12" eb="14">
      <t>センバツ</t>
    </rPh>
    <rPh sb="14" eb="16">
      <t>ニュウシ</t>
    </rPh>
    <rPh sb="22" eb="26">
      <t>ヘイヨウホウシキ</t>
    </rPh>
    <phoneticPr fontId="4"/>
  </si>
  <si>
    <t>一般選抜（文理融合型）</t>
    <rPh sb="0" eb="2">
      <t>イッパン</t>
    </rPh>
    <rPh sb="2" eb="4">
      <t>センバツ</t>
    </rPh>
    <rPh sb="5" eb="9">
      <t>ブンリユウゴウ</t>
    </rPh>
    <rPh sb="9" eb="10">
      <t>ガタ</t>
    </rPh>
    <phoneticPr fontId="4"/>
  </si>
  <si>
    <t>個別試験「英語」の得点に換算（100点）</t>
    <phoneticPr fontId="4"/>
  </si>
  <si>
    <t>一般選抜（前期日程）、一般選抜・大学共通テスト併用型選抜</t>
    <rPh sb="0" eb="2">
      <t>イッパン</t>
    </rPh>
    <rPh sb="2" eb="4">
      <t>センバツ</t>
    </rPh>
    <rPh sb="5" eb="7">
      <t>ゼンキ</t>
    </rPh>
    <rPh sb="7" eb="9">
      <t>ニッテイ</t>
    </rPh>
    <rPh sb="11" eb="15">
      <t>イッパンセンバツ</t>
    </rPh>
    <rPh sb="16" eb="18">
      <t>ダイガク</t>
    </rPh>
    <rPh sb="18" eb="20">
      <t>キョウツウ</t>
    </rPh>
    <rPh sb="23" eb="26">
      <t>ヘイヨウガタ</t>
    </rPh>
    <rPh sb="26" eb="28">
      <t>センバツ</t>
    </rPh>
    <phoneticPr fontId="4"/>
  </si>
  <si>
    <t>共創文化、観光文化、空間デザイン</t>
    <rPh sb="0" eb="4">
      <t>キョウソウブンカ</t>
    </rPh>
    <rPh sb="5" eb="9">
      <t>カンコウブンカ</t>
    </rPh>
    <rPh sb="10" eb="12">
      <t>クウカン</t>
    </rPh>
    <phoneticPr fontId="4"/>
  </si>
  <si>
    <t>一般選抜Ａ－Ⅱ日程（英語外部試験利用型）</t>
    <rPh sb="0" eb="4">
      <t>イッパンセンバツ</t>
    </rPh>
    <rPh sb="7" eb="9">
      <t>ニッテイ</t>
    </rPh>
    <rPh sb="10" eb="19">
      <t>エイゴガイブシケンリヨウガタ</t>
    </rPh>
    <phoneticPr fontId="4"/>
  </si>
  <si>
    <t>●</t>
    <phoneticPr fontId="4"/>
  </si>
  <si>
    <t>準2級</t>
    <rPh sb="0" eb="1">
      <t>ジュン</t>
    </rPh>
    <rPh sb="2" eb="3">
      <t>キュウ</t>
    </rPh>
    <phoneticPr fontId="4"/>
  </si>
  <si>
    <t>一般入試（外部試験併用型（英語））</t>
    <rPh sb="0" eb="2">
      <t>イッパン</t>
    </rPh>
    <rPh sb="2" eb="4">
      <t>ニュウシ</t>
    </rPh>
    <rPh sb="5" eb="7">
      <t>ガイブ</t>
    </rPh>
    <rPh sb="7" eb="9">
      <t>シケン</t>
    </rPh>
    <rPh sb="9" eb="11">
      <t>ヘイヨウ</t>
    </rPh>
    <rPh sb="11" eb="12">
      <t>ガタ</t>
    </rPh>
    <rPh sb="13" eb="15">
      <t>エイゴ</t>
    </rPh>
    <phoneticPr fontId="4"/>
  </si>
  <si>
    <t xml:space="preserve">個別試験「英語」の得点に換算（80または100点）
</t>
    <rPh sb="0" eb="2">
      <t>コベツ</t>
    </rPh>
    <rPh sb="2" eb="4">
      <t>シケン</t>
    </rPh>
    <rPh sb="5" eb="7">
      <t>エイゴ</t>
    </rPh>
    <rPh sb="9" eb="11">
      <t>トクテン</t>
    </rPh>
    <rPh sb="12" eb="14">
      <t>カンサン</t>
    </rPh>
    <rPh sb="23" eb="24">
      <t>テン</t>
    </rPh>
    <phoneticPr fontId="4"/>
  </si>
  <si>
    <t>芸術</t>
    <rPh sb="0" eb="2">
      <t>ゲイジュツ</t>
    </rPh>
    <phoneticPr fontId="4"/>
  </si>
  <si>
    <t>一般選抜（Ｂ日程）</t>
    <rPh sb="0" eb="4">
      <t>イッパンセンバツ</t>
    </rPh>
    <rPh sb="6" eb="8">
      <t>ニッテイ</t>
    </rPh>
    <phoneticPr fontId="4"/>
  </si>
  <si>
    <t>面接の評価に含む
TOEICはS&amp;Wのスコアを2.5倍にして合算</t>
    <rPh sb="0" eb="2">
      <t>メンセツ</t>
    </rPh>
    <rPh sb="3" eb="5">
      <t>ヒョウカ</t>
    </rPh>
    <rPh sb="6" eb="7">
      <t>フク</t>
    </rPh>
    <phoneticPr fontId="4"/>
  </si>
  <si>
    <t>文（日本文、中国文、史）、神道文化、法</t>
    <rPh sb="0" eb="1">
      <t>ブン</t>
    </rPh>
    <rPh sb="2" eb="5">
      <t>ニホンブン</t>
    </rPh>
    <rPh sb="6" eb="9">
      <t>チュウゴクブン</t>
    </rPh>
    <rPh sb="10" eb="11">
      <t>シ</t>
    </rPh>
    <rPh sb="13" eb="15">
      <t>シントウ</t>
    </rPh>
    <rPh sb="15" eb="17">
      <t>ブンカ</t>
    </rPh>
    <rPh sb="18" eb="19">
      <t>ホウ</t>
    </rPh>
    <phoneticPr fontId="4"/>
  </si>
  <si>
    <t>一般選抜Ａ日程（英語外部試験利用型）</t>
    <rPh sb="0" eb="2">
      <t>イッパン</t>
    </rPh>
    <rPh sb="2" eb="4">
      <t>センバツ</t>
    </rPh>
    <rPh sb="5" eb="7">
      <t>ニッテイ</t>
    </rPh>
    <rPh sb="8" eb="16">
      <t>エイゴガイブシケンリヨウ</t>
    </rPh>
    <rPh sb="16" eb="17">
      <t>ガタ</t>
    </rPh>
    <phoneticPr fontId="4"/>
  </si>
  <si>
    <t>文（外国語文化、哲）、経済、観光まちづくり</t>
    <rPh sb="0" eb="1">
      <t>ブン</t>
    </rPh>
    <rPh sb="2" eb="7">
      <t>ガイコクゴブンカ</t>
    </rPh>
    <rPh sb="8" eb="9">
      <t>テツ</t>
    </rPh>
    <rPh sb="11" eb="13">
      <t>ケイザイ</t>
    </rPh>
    <rPh sb="14" eb="16">
      <t>カンコウ</t>
    </rPh>
    <phoneticPr fontId="4"/>
  </si>
  <si>
    <t>人間開発</t>
    <rPh sb="0" eb="4">
      <t>ニンゲンカイハツ</t>
    </rPh>
    <phoneticPr fontId="4"/>
  </si>
  <si>
    <t>930
Ad
CBT</t>
    <phoneticPr fontId="4"/>
  </si>
  <si>
    <t>法、人間、都市情報、農、薬</t>
    <rPh sb="0" eb="1">
      <t>ホウ</t>
    </rPh>
    <rPh sb="2" eb="4">
      <t>ニンゲン</t>
    </rPh>
    <rPh sb="5" eb="9">
      <t>トシジョウホウ</t>
    </rPh>
    <rPh sb="10" eb="11">
      <t>ノウ</t>
    </rPh>
    <rPh sb="12" eb="13">
      <t>ヤク</t>
    </rPh>
    <phoneticPr fontId="4"/>
  </si>
  <si>
    <t>一般選抜入試（特待生選考型）</t>
    <rPh sb="0" eb="2">
      <t>イッパン</t>
    </rPh>
    <rPh sb="2" eb="4">
      <t>センバツ</t>
    </rPh>
    <rPh sb="4" eb="6">
      <t>ニュウシ</t>
    </rPh>
    <rPh sb="7" eb="10">
      <t>トクタイセイ</t>
    </rPh>
    <rPh sb="10" eb="13">
      <t>センコウガタ</t>
    </rPh>
    <phoneticPr fontId="4"/>
  </si>
  <si>
    <t>個別試験「英語」の得点に換算（120～150点）（個別試験「英語」の受験は必須、高得点の方を利用）
英検は準１級以上受検者が対象</t>
    <rPh sb="50" eb="52">
      <t>エイケン</t>
    </rPh>
    <rPh sb="53" eb="54">
      <t>ジュン</t>
    </rPh>
    <rPh sb="55" eb="56">
      <t>キュウ</t>
    </rPh>
    <rPh sb="56" eb="58">
      <t>イジョウ</t>
    </rPh>
    <phoneticPr fontId="4"/>
  </si>
  <si>
    <t>一般選抜（Ａ日程、Ｂ日程）</t>
    <rPh sb="10" eb="12">
      <t>ニッテイ</t>
    </rPh>
    <phoneticPr fontId="4"/>
  </si>
  <si>
    <t>英検は２級以上受検者が対象</t>
    <rPh sb="0" eb="2">
      <t>エイケン</t>
    </rPh>
    <rPh sb="4" eb="5">
      <t>キュウ</t>
    </rPh>
    <rPh sb="5" eb="7">
      <t>イジョウ</t>
    </rPh>
    <rPh sb="7" eb="9">
      <t>ジュケン</t>
    </rPh>
    <rPh sb="9" eb="10">
      <t>シャ</t>
    </rPh>
    <rPh sb="11" eb="13">
      <t>タイショウ</t>
    </rPh>
    <phoneticPr fontId="4"/>
  </si>
  <si>
    <t>英検は２級以上受検者が対象</t>
    <rPh sb="9" eb="10">
      <t>シャ</t>
    </rPh>
    <rPh sb="11" eb="13">
      <t>タイショウ</t>
    </rPh>
    <phoneticPr fontId="4"/>
  </si>
  <si>
    <t>大阪産業</t>
    <phoneticPr fontId="4"/>
  </si>
  <si>
    <t>選択科目として利用可（150点）</t>
    <phoneticPr fontId="4"/>
  </si>
  <si>
    <t>駒澤</t>
    <phoneticPr fontId="4"/>
  </si>
  <si>
    <t>国際文化交流（日本文化）</t>
    <rPh sb="0" eb="2">
      <t>コクサイ</t>
    </rPh>
    <rPh sb="2" eb="4">
      <t>ブンカ</t>
    </rPh>
    <rPh sb="4" eb="6">
      <t>コウリュウ</t>
    </rPh>
    <rPh sb="7" eb="11">
      <t>ニホンブンカ</t>
    </rPh>
    <phoneticPr fontId="4"/>
  </si>
  <si>
    <t>国際文化交流（国際コミュニケーション）</t>
    <rPh sb="7" eb="9">
      <t>コクサイ</t>
    </rPh>
    <phoneticPr fontId="4"/>
  </si>
  <si>
    <t>国際文化交流（英語コミュニケーション）</t>
    <rPh sb="7" eb="9">
      <t>エイゴ</t>
    </rPh>
    <phoneticPr fontId="4"/>
  </si>
  <si>
    <t>個別試験「外国語」の得点に換算（最大100点）</t>
    <rPh sb="0" eb="4">
      <t>コベツシケン</t>
    </rPh>
    <rPh sb="5" eb="8">
      <t>ガイコクゴ</t>
    </rPh>
    <rPh sb="10" eb="12">
      <t>トクテン</t>
    </rPh>
    <rPh sb="13" eb="15">
      <t>カンサン</t>
    </rPh>
    <rPh sb="16" eb="18">
      <t>サイダイ</t>
    </rPh>
    <phoneticPr fontId="4"/>
  </si>
  <si>
    <t>個別試験「外国語」の得点に換算（最大150点）</t>
    <rPh sb="0" eb="4">
      <t>コベツシケン</t>
    </rPh>
    <rPh sb="5" eb="8">
      <t>ガイコクゴ</t>
    </rPh>
    <rPh sb="10" eb="12">
      <t>トクテン</t>
    </rPh>
    <rPh sb="13" eb="15">
      <t>カンサン</t>
    </rPh>
    <rPh sb="16" eb="18">
      <t>サイダイ</t>
    </rPh>
    <phoneticPr fontId="4"/>
  </si>
  <si>
    <t>大学が別途定めるスコアを満たす場合は、個別試験の得点に加点</t>
    <rPh sb="0" eb="2">
      <t>ダイガク</t>
    </rPh>
    <rPh sb="3" eb="5">
      <t>ベット</t>
    </rPh>
    <rPh sb="5" eb="6">
      <t>サダ</t>
    </rPh>
    <rPh sb="12" eb="13">
      <t>ミ</t>
    </rPh>
    <rPh sb="15" eb="17">
      <t>バアイ</t>
    </rPh>
    <rPh sb="19" eb="23">
      <t>コベツシケン</t>
    </rPh>
    <rPh sb="24" eb="26">
      <t>トクテン</t>
    </rPh>
    <rPh sb="27" eb="29">
      <t>カテン</t>
    </rPh>
    <phoneticPr fontId="4"/>
  </si>
  <si>
    <t>個別試験の得点に加点（65～100点）</t>
    <rPh sb="5" eb="7">
      <t>トクテン</t>
    </rPh>
    <rPh sb="8" eb="10">
      <t>カテン</t>
    </rPh>
    <rPh sb="17" eb="18">
      <t>テン</t>
    </rPh>
    <phoneticPr fontId="4"/>
  </si>
  <si>
    <t>個別試験「英語」の得点に換算（70～100％）（受験した場合は高得点の方を利用）
TOEICはS&amp;Wのスコアを2.5倍にして合算</t>
    <phoneticPr fontId="4"/>
  </si>
  <si>
    <t>個別試験「英語」の得点を満点とみなす
英検は筆記試験のみ合格でも可</t>
    <rPh sb="19" eb="21">
      <t>エイケン</t>
    </rPh>
    <rPh sb="22" eb="24">
      <t>ヒッキ</t>
    </rPh>
    <rPh sb="24" eb="26">
      <t>シケン</t>
    </rPh>
    <rPh sb="28" eb="30">
      <t>ゴウカク</t>
    </rPh>
    <rPh sb="32" eb="33">
      <t>カ</t>
    </rPh>
    <phoneticPr fontId="4"/>
  </si>
  <si>
    <t>B1</t>
    <phoneticPr fontId="18"/>
  </si>
  <si>
    <t>○</t>
    <phoneticPr fontId="4"/>
  </si>
  <si>
    <t>120
※</t>
    <phoneticPr fontId="18"/>
  </si>
  <si>
    <t>160
※</t>
    <phoneticPr fontId="18"/>
  </si>
  <si>
    <t>個別試験または共通テスト「英語」の満点を上限に加点（10～25点）
※リンガスキル（120）の利用可</t>
    <rPh sb="0" eb="2">
      <t>コベツ</t>
    </rPh>
    <rPh sb="2" eb="4">
      <t>シケン</t>
    </rPh>
    <rPh sb="31" eb="32">
      <t>テン</t>
    </rPh>
    <phoneticPr fontId="4"/>
  </si>
  <si>
    <t>個別試験「英語」の満点を上限に加点（10または20点）
※リンガスキル（160）の利用可</t>
    <rPh sb="9" eb="11">
      <t>マンテン</t>
    </rPh>
    <rPh sb="12" eb="14">
      <t>ジョウゲン</t>
    </rPh>
    <rPh sb="15" eb="17">
      <t>カテン</t>
    </rPh>
    <rPh sb="25" eb="26">
      <t>テン</t>
    </rPh>
    <phoneticPr fontId="4"/>
  </si>
  <si>
    <t>個別試験「英語」の満点を上限に加点（10～25点）
※リンガスキル（120）の利用可</t>
    <rPh sb="0" eb="2">
      <t>コベツ</t>
    </rPh>
    <rPh sb="2" eb="4">
      <t>シケン</t>
    </rPh>
    <rPh sb="23" eb="24">
      <t>テン</t>
    </rPh>
    <phoneticPr fontId="4"/>
  </si>
  <si>
    <t>●</t>
    <phoneticPr fontId="4"/>
  </si>
  <si>
    <t>全学統一</t>
    <rPh sb="0" eb="2">
      <t>ゼンガク</t>
    </rPh>
    <rPh sb="2" eb="4">
      <t>トウイツ</t>
    </rPh>
    <phoneticPr fontId="4"/>
  </si>
  <si>
    <t>全学群（航空（フライト・オペレーションコース）を除く）</t>
    <rPh sb="2" eb="3">
      <t>グン</t>
    </rPh>
    <phoneticPr fontId="4"/>
  </si>
  <si>
    <t>航空（フライト・オペレーションコース）</t>
    <phoneticPr fontId="4"/>
  </si>
  <si>
    <t>文（英米文）</t>
    <rPh sb="0" eb="1">
      <t>ブン</t>
    </rPh>
    <rPh sb="2" eb="5">
      <t>エイベイブン</t>
    </rPh>
    <phoneticPr fontId="4"/>
  </si>
  <si>
    <t>○
※</t>
    <phoneticPr fontId="4"/>
  </si>
  <si>
    <t>各英語資格・検定試験の提出スコア・級に下限は設けない
※英検は取得（合格）級と共にCSEスコアの提出必須</t>
    <rPh sb="0" eb="1">
      <t>カク</t>
    </rPh>
    <rPh sb="1" eb="5">
      <t>エイゴシカク</t>
    </rPh>
    <rPh sb="6" eb="8">
      <t>ケンテイ</t>
    </rPh>
    <rPh sb="8" eb="10">
      <t>シケン</t>
    </rPh>
    <rPh sb="11" eb="13">
      <t>テイシュツ</t>
    </rPh>
    <rPh sb="17" eb="18">
      <t>キュウ</t>
    </rPh>
    <rPh sb="19" eb="21">
      <t>カゲン</t>
    </rPh>
    <rPh sb="22" eb="23">
      <t>モウ</t>
    </rPh>
    <rPh sb="28" eb="30">
      <t>エイケン</t>
    </rPh>
    <rPh sb="31" eb="33">
      <t>シュトク</t>
    </rPh>
    <rPh sb="34" eb="36">
      <t>ゴウカク</t>
    </rPh>
    <rPh sb="37" eb="38">
      <t>キュウ</t>
    </rPh>
    <rPh sb="39" eb="40">
      <t>トモ</t>
    </rPh>
    <rPh sb="48" eb="50">
      <t>テイシュツ</t>
    </rPh>
    <rPh sb="50" eb="52">
      <t>ヒッス</t>
    </rPh>
    <phoneticPr fontId="4"/>
  </si>
  <si>
    <t>一般選抜３教科型Ａ方式、共通テストプラス型Ｆ方式、傾斜配点型Ｋ方式</t>
    <rPh sb="0" eb="4">
      <t>イッパンセンバツ</t>
    </rPh>
    <rPh sb="5" eb="8">
      <t>キョウカガタ</t>
    </rPh>
    <rPh sb="9" eb="11">
      <t>ホウシキ</t>
    </rPh>
    <rPh sb="12" eb="14">
      <t>キョウツウ</t>
    </rPh>
    <rPh sb="20" eb="21">
      <t>ガタ</t>
    </rPh>
    <rPh sb="22" eb="24">
      <t>ホウシキ</t>
    </rPh>
    <rPh sb="25" eb="27">
      <t>ケイシャ</t>
    </rPh>
    <rPh sb="27" eb="30">
      <t>ハイテンガタ</t>
    </rPh>
    <rPh sb="31" eb="33">
      <t>ホウシキ</t>
    </rPh>
    <phoneticPr fontId="4"/>
  </si>
  <si>
    <t>個別試験「外国語」の得点を満点とみなす（個別試験「外国語」の受験を免除）
※2023年３月以前の成績利用時は1190</t>
    <rPh sb="0" eb="4">
      <t>コベツシケン</t>
    </rPh>
    <rPh sb="5" eb="8">
      <t>ガイコクゴ</t>
    </rPh>
    <rPh sb="45" eb="47">
      <t>イゼン</t>
    </rPh>
    <rPh sb="48" eb="50">
      <t>セイセキ</t>
    </rPh>
    <rPh sb="50" eb="52">
      <t>リヨウ</t>
    </rPh>
    <rPh sb="52" eb="53">
      <t>ジ</t>
    </rPh>
    <phoneticPr fontId="4"/>
  </si>
  <si>
    <t>個別試験「外国語」の満点を上限に加点（30点）
※2023年３月以前の成績利用時は1190</t>
    <rPh sb="5" eb="7">
      <t>ガイコク</t>
    </rPh>
    <rPh sb="10" eb="12">
      <t>マンテン</t>
    </rPh>
    <rPh sb="13" eb="15">
      <t>ジョウゲン</t>
    </rPh>
    <rPh sb="16" eb="18">
      <t>カテン</t>
    </rPh>
    <rPh sb="21" eb="22">
      <t>テン</t>
    </rPh>
    <phoneticPr fontId="4"/>
  </si>
  <si>
    <t>書類審査に加点</t>
    <rPh sb="0" eb="2">
      <t>ショルイ</t>
    </rPh>
    <rPh sb="2" eb="4">
      <t>シンサ</t>
    </rPh>
    <rPh sb="5" eb="7">
      <t>カテン</t>
    </rPh>
    <phoneticPr fontId="4"/>
  </si>
  <si>
    <t>合否判定の際に考慮する
TEAP「R/L」（106）も利用可</t>
    <rPh sb="0" eb="2">
      <t>ゴウヒ</t>
    </rPh>
    <rPh sb="2" eb="4">
      <t>ハンテイ</t>
    </rPh>
    <rPh sb="5" eb="6">
      <t>サイ</t>
    </rPh>
    <rPh sb="7" eb="9">
      <t>コウリョ</t>
    </rPh>
    <rPh sb="27" eb="29">
      <t>リヨウ</t>
    </rPh>
    <rPh sb="29" eb="30">
      <t>カ</t>
    </rPh>
    <phoneticPr fontId="4"/>
  </si>
  <si>
    <t>個別試験の得点に加点（最大５点）
TOEICはS&amp;Wのスコアを2.5倍にして合算</t>
    <rPh sb="0" eb="2">
      <t>コベツ</t>
    </rPh>
    <rPh sb="2" eb="4">
      <t>シケン</t>
    </rPh>
    <rPh sb="5" eb="7">
      <t>トクテン</t>
    </rPh>
    <rPh sb="8" eb="10">
      <t>カテン</t>
    </rPh>
    <rPh sb="11" eb="13">
      <t>サイダイ</t>
    </rPh>
    <rPh sb="14" eb="15">
      <t>テン</t>
    </rPh>
    <rPh sb="34" eb="35">
      <t>バイ</t>
    </rPh>
    <rPh sb="38" eb="40">
      <t>ガッサン</t>
    </rPh>
    <phoneticPr fontId="4"/>
  </si>
  <si>
    <t>主体性等評価に加点（２点）</t>
    <rPh sb="0" eb="3">
      <t>シュタイセイ</t>
    </rPh>
    <rPh sb="3" eb="4">
      <t>トウ</t>
    </rPh>
    <rPh sb="4" eb="6">
      <t>ヒョウカ</t>
    </rPh>
    <rPh sb="7" eb="9">
      <t>カテン</t>
    </rPh>
    <rPh sb="11" eb="12">
      <t>テン</t>
    </rPh>
    <phoneticPr fontId="4"/>
  </si>
  <si>
    <t>選択科目として利用可（100点）</t>
    <rPh sb="0" eb="4">
      <t>センタクカモク</t>
    </rPh>
    <rPh sb="7" eb="9">
      <t>リヨウ</t>
    </rPh>
    <rPh sb="9" eb="10">
      <t>カ</t>
    </rPh>
    <rPh sb="14" eb="15">
      <t>テン</t>
    </rPh>
    <phoneticPr fontId="4"/>
  </si>
  <si>
    <t>個別試験「英語」の得点に換算（75～100点）（受験した場合は高得点の方を利用）
※2023年３月以前の成績利用時は690</t>
    <rPh sb="5" eb="7">
      <t>エイゴ</t>
    </rPh>
    <phoneticPr fontId="4"/>
  </si>
  <si>
    <t>一般入試、共通テスト利用入試</t>
    <rPh sb="0" eb="2">
      <t>イッパン</t>
    </rPh>
    <rPh sb="2" eb="4">
      <t>ニュウシ</t>
    </rPh>
    <rPh sb="5" eb="7">
      <t>キョウツウ</t>
    </rPh>
    <rPh sb="10" eb="14">
      <t>リヨウニュウシ</t>
    </rPh>
    <phoneticPr fontId="4"/>
  </si>
  <si>
    <t>個別試験「英語」の満点を上限に加点（10または20点）
※2023年３月以前の成績利用時は960</t>
    <phoneticPr fontId="4"/>
  </si>
  <si>
    <t>一般選抜（英語・国語）</t>
    <rPh sb="2" eb="4">
      <t>センバツ</t>
    </rPh>
    <rPh sb="5" eb="7">
      <t>エイゴ</t>
    </rPh>
    <rPh sb="8" eb="10">
      <t>コクゴ</t>
    </rPh>
    <phoneticPr fontId="4"/>
  </si>
  <si>
    <t>Ａ方式（英語外部試験利用型）</t>
    <rPh sb="1" eb="3">
      <t>ホウシキ</t>
    </rPh>
    <rPh sb="4" eb="6">
      <t>エイゴ</t>
    </rPh>
    <rPh sb="6" eb="8">
      <t>ガイブ</t>
    </rPh>
    <rPh sb="8" eb="10">
      <t>シケン</t>
    </rPh>
    <rPh sb="10" eb="12">
      <t>リヨウ</t>
    </rPh>
    <rPh sb="12" eb="13">
      <t>ガタ</t>
    </rPh>
    <phoneticPr fontId="4"/>
  </si>
  <si>
    <t>共通テスト利用選抜（英語外部試験利用方式）</t>
    <rPh sb="0" eb="2">
      <t>キョウツウ</t>
    </rPh>
    <rPh sb="5" eb="9">
      <t>リヨウセンバツ</t>
    </rPh>
    <rPh sb="10" eb="12">
      <t>エイゴ</t>
    </rPh>
    <rPh sb="12" eb="14">
      <t>ガイブ</t>
    </rPh>
    <rPh sb="14" eb="16">
      <t>シケン</t>
    </rPh>
    <rPh sb="16" eb="18">
      <t>リヨウ</t>
    </rPh>
    <rPh sb="18" eb="20">
      <t>ホウシキ</t>
    </rPh>
    <phoneticPr fontId="4"/>
  </si>
  <si>
    <t>共通テスト「英語」の得点に換算（70～100点）（高得点の方を利用）
英検は準２級以上受検者が対象</t>
    <rPh sb="0" eb="2">
      <t>キョウツウ</t>
    </rPh>
    <rPh sb="6" eb="8">
      <t>エイゴ</t>
    </rPh>
    <rPh sb="10" eb="12">
      <t>トクテン</t>
    </rPh>
    <rPh sb="13" eb="15">
      <t>カンサン</t>
    </rPh>
    <rPh sb="22" eb="23">
      <t>テン</t>
    </rPh>
    <rPh sb="25" eb="28">
      <t>コウトクテン</t>
    </rPh>
    <rPh sb="29" eb="30">
      <t>ホウ</t>
    </rPh>
    <rPh sb="31" eb="33">
      <t>リヨウ</t>
    </rPh>
    <rPh sb="38" eb="39">
      <t>ジュン</t>
    </rPh>
    <phoneticPr fontId="4"/>
  </si>
  <si>
    <t>1090
CBT</t>
    <phoneticPr fontId="4"/>
  </si>
  <si>
    <t>全学統一入試、大学入学共通テスト利用</t>
    <rPh sb="7" eb="11">
      <t>ダイガクニュウガク</t>
    </rPh>
    <rPh sb="11" eb="13">
      <t>キョウツウ</t>
    </rPh>
    <rPh sb="16" eb="18">
      <t>リヨウ</t>
    </rPh>
    <phoneticPr fontId="4"/>
  </si>
  <si>
    <t>個別試験「英語」の得点に換算（80点）（受験した場合は高得点の方を利用）
※2023年３月以前の成績利用時は960</t>
    <rPh sb="0" eb="4">
      <t>コベツシケン</t>
    </rPh>
    <rPh sb="5" eb="7">
      <t>エイゴ</t>
    </rPh>
    <rPh sb="9" eb="11">
      <t>トクテン</t>
    </rPh>
    <rPh sb="12" eb="14">
      <t>カンサン</t>
    </rPh>
    <rPh sb="17" eb="18">
      <t>テン</t>
    </rPh>
    <rPh sb="20" eb="22">
      <t>ジュケン</t>
    </rPh>
    <rPh sb="24" eb="26">
      <t>バアイ</t>
    </rPh>
    <rPh sb="27" eb="30">
      <t>コウトクテン</t>
    </rPh>
    <rPh sb="31" eb="32">
      <t>ホウ</t>
    </rPh>
    <rPh sb="33" eb="35">
      <t>リヨウ</t>
    </rPh>
    <rPh sb="45" eb="47">
      <t>イゼン</t>
    </rPh>
    <rPh sb="48" eb="53">
      <t>セイセキリヨウジ</t>
    </rPh>
    <phoneticPr fontId="4"/>
  </si>
  <si>
    <t>一般選抜、共通テスト利用（外部試験利用方式）</t>
    <rPh sb="0" eb="2">
      <t>イッパン</t>
    </rPh>
    <rPh sb="2" eb="4">
      <t>センバツ</t>
    </rPh>
    <phoneticPr fontId="4"/>
  </si>
  <si>
    <t>個別試験または共通テスト「英語」の得点に換算（80点～100点）（受験した場合は高得点の方を利用）</t>
    <rPh sb="25" eb="26">
      <t>テン</t>
    </rPh>
    <rPh sb="30" eb="31">
      <t>テン</t>
    </rPh>
    <phoneticPr fontId="4"/>
  </si>
  <si>
    <t>上武</t>
    <rPh sb="0" eb="2">
      <t>ジョウブ</t>
    </rPh>
    <phoneticPr fontId="4"/>
  </si>
  <si>
    <t>共通テスト利用型（前期）外部英語試験活用方式</t>
    <rPh sb="0" eb="2">
      <t>キョウツウ</t>
    </rPh>
    <rPh sb="5" eb="7">
      <t>リヨウ</t>
    </rPh>
    <rPh sb="7" eb="8">
      <t>ガタ</t>
    </rPh>
    <rPh sb="9" eb="11">
      <t>ゼンキ</t>
    </rPh>
    <rPh sb="12" eb="14">
      <t>ガイブ</t>
    </rPh>
    <rPh sb="14" eb="16">
      <t>エイゴ</t>
    </rPh>
    <rPh sb="16" eb="18">
      <t>シケン</t>
    </rPh>
    <rPh sb="18" eb="20">
      <t>カツヨウ</t>
    </rPh>
    <rPh sb="20" eb="22">
      <t>ホウシキ</t>
    </rPh>
    <phoneticPr fontId="4"/>
  </si>
  <si>
    <t>共通テスト「英語」の得点に換算（60～100％）</t>
    <rPh sb="0" eb="2">
      <t>キョウツウ</t>
    </rPh>
    <rPh sb="6" eb="8">
      <t>エイゴ</t>
    </rPh>
    <rPh sb="10" eb="12">
      <t>トクテン</t>
    </rPh>
    <rPh sb="13" eb="15">
      <t>カンサン</t>
    </rPh>
    <phoneticPr fontId="4"/>
  </si>
  <si>
    <t>一般選抜（前期・中期）外部英語試験活用方式</t>
    <rPh sb="0" eb="4">
      <t>イッパンセンバツ</t>
    </rPh>
    <rPh sb="5" eb="7">
      <t>ゼンキ</t>
    </rPh>
    <rPh sb="8" eb="10">
      <t>チュウキ</t>
    </rPh>
    <rPh sb="11" eb="17">
      <t>ガイブエイゴシケン</t>
    </rPh>
    <rPh sb="17" eb="19">
      <t>カツヨウ</t>
    </rPh>
    <rPh sb="19" eb="21">
      <t>ホウシキ</t>
    </rPh>
    <phoneticPr fontId="4"/>
  </si>
  <si>
    <t>個別試験「英語」の得点に換算（60～100％）</t>
    <rPh sb="0" eb="4">
      <t>コベツシケン</t>
    </rPh>
    <rPh sb="5" eb="7">
      <t>エイゴ</t>
    </rPh>
    <rPh sb="9" eb="11">
      <t>トクテン</t>
    </rPh>
    <rPh sb="12" eb="14">
      <t>カンサン</t>
    </rPh>
    <rPh sb="21" eb="22">
      <t>テン</t>
    </rPh>
    <phoneticPr fontId="4"/>
  </si>
  <si>
    <t>個別試験「英語」の得点に換算（70～100点）（個別試験「英語」の受験は必須、高得点の方を利用）
TOEICはS&amp;Wのスコアを2.5倍にして合算</t>
    <rPh sb="24" eb="28">
      <t>コベツシケン</t>
    </rPh>
    <rPh sb="29" eb="31">
      <t>エイゴ</t>
    </rPh>
    <rPh sb="33" eb="35">
      <t>ジュケン</t>
    </rPh>
    <rPh sb="36" eb="38">
      <t>ヒッス</t>
    </rPh>
    <phoneticPr fontId="4"/>
  </si>
  <si>
    <t>個別試験「英語」の満点を上限に加点（５または10点）</t>
    <rPh sb="0" eb="2">
      <t>コベツ</t>
    </rPh>
    <rPh sb="2" eb="4">
      <t>シケン</t>
    </rPh>
    <rPh sb="5" eb="7">
      <t>エイゴ</t>
    </rPh>
    <rPh sb="9" eb="11">
      <t>マンテン</t>
    </rPh>
    <rPh sb="12" eb="14">
      <t>ジョウゲン</t>
    </rPh>
    <rPh sb="15" eb="17">
      <t>カテン</t>
    </rPh>
    <rPh sb="24" eb="25">
      <t>テン</t>
    </rPh>
    <phoneticPr fontId="4"/>
  </si>
  <si>
    <t>個別試験「英語」の満点を上限に加点（５～15点）</t>
    <rPh sb="0" eb="2">
      <t>コベツ</t>
    </rPh>
    <rPh sb="2" eb="4">
      <t>シケン</t>
    </rPh>
    <rPh sb="5" eb="7">
      <t>エイゴ</t>
    </rPh>
    <rPh sb="9" eb="11">
      <t>マンテン</t>
    </rPh>
    <rPh sb="12" eb="14">
      <t>ジョウゲン</t>
    </rPh>
    <rPh sb="15" eb="17">
      <t>カテン</t>
    </rPh>
    <rPh sb="22" eb="23">
      <t>テン</t>
    </rPh>
    <phoneticPr fontId="4"/>
  </si>
  <si>
    <t>一般選抜（個別方式、全学統一方式後期）、共通テスト利用選抜（前期）</t>
    <rPh sb="0" eb="2">
      <t>イッパン</t>
    </rPh>
    <rPh sb="2" eb="4">
      <t>センバツ</t>
    </rPh>
    <rPh sb="5" eb="9">
      <t>コベツホウシキ</t>
    </rPh>
    <rPh sb="10" eb="16">
      <t>ゼンガクトウイツホウシキ</t>
    </rPh>
    <rPh sb="16" eb="18">
      <t>コウキ</t>
    </rPh>
    <rPh sb="30" eb="32">
      <t>ゼンキ</t>
    </rPh>
    <phoneticPr fontId="18"/>
  </si>
  <si>
    <t>一般入試（全国入試、Ａ日程入試、文理２教科入試）</t>
    <rPh sb="5" eb="7">
      <t>ゼンコク</t>
    </rPh>
    <rPh sb="7" eb="9">
      <t>ニュウシ</t>
    </rPh>
    <rPh sb="11" eb="13">
      <t>ニッテイ</t>
    </rPh>
    <rPh sb="13" eb="15">
      <t>ニュウシ</t>
    </rPh>
    <rPh sb="16" eb="18">
      <t>ブンリ</t>
    </rPh>
    <rPh sb="19" eb="21">
      <t>キョウカ</t>
    </rPh>
    <rPh sb="21" eb="23">
      <t>ニュウシ</t>
    </rPh>
    <phoneticPr fontId="4"/>
  </si>
  <si>
    <t>2級
1980</t>
  </si>
  <si>
    <t>全学部（文理２教科入試は文、健康栄養、経営）</t>
    <rPh sb="0" eb="3">
      <t>ゼンガクブ</t>
    </rPh>
    <rPh sb="4" eb="6">
      <t>ブンリ</t>
    </rPh>
    <rPh sb="7" eb="9">
      <t>キョウカ</t>
    </rPh>
    <rPh sb="9" eb="11">
      <t>ニュウシ</t>
    </rPh>
    <rPh sb="12" eb="13">
      <t>ブン</t>
    </rPh>
    <rPh sb="14" eb="18">
      <t>ケンコウエイヨウ</t>
    </rPh>
    <rPh sb="19" eb="21">
      <t>ケイエイ</t>
    </rPh>
    <phoneticPr fontId="4"/>
  </si>
  <si>
    <t>一般選抜前期、前期共通テストプラス、一般選抜後期（科目試験方式）、後期共通テストプラス</t>
    <rPh sb="0" eb="2">
      <t>イッパン</t>
    </rPh>
    <rPh sb="2" eb="4">
      <t>センバツ</t>
    </rPh>
    <rPh sb="4" eb="6">
      <t>ゼンキ</t>
    </rPh>
    <rPh sb="7" eb="9">
      <t>ゼンキ</t>
    </rPh>
    <rPh sb="9" eb="11">
      <t>キョウツウ</t>
    </rPh>
    <rPh sb="18" eb="20">
      <t>イッパン</t>
    </rPh>
    <rPh sb="20" eb="22">
      <t>センバツ</t>
    </rPh>
    <rPh sb="22" eb="24">
      <t>コウキ</t>
    </rPh>
    <rPh sb="25" eb="27">
      <t>カモク</t>
    </rPh>
    <rPh sb="27" eb="29">
      <t>シケン</t>
    </rPh>
    <rPh sb="29" eb="31">
      <t>ホウシキ</t>
    </rPh>
    <rPh sb="33" eb="35">
      <t>コウキ</t>
    </rPh>
    <phoneticPr fontId="4"/>
  </si>
  <si>
    <t>英検は２級以上受検者が対象、準１級受検者は1980点以上、１級受検者は2304点以上
TOEICはS&amp;Wのスコアを2.5倍にして合算
※2023年３月以前の成績利用時は960</t>
    <rPh sb="0" eb="2">
      <t>エイケン</t>
    </rPh>
    <rPh sb="4" eb="5">
      <t>キュウ</t>
    </rPh>
    <rPh sb="5" eb="7">
      <t>イジョウ</t>
    </rPh>
    <rPh sb="7" eb="10">
      <t>ジュケンシャ</t>
    </rPh>
    <rPh sb="11" eb="13">
      <t>タイショウ</t>
    </rPh>
    <rPh sb="14" eb="15">
      <t>ジュン</t>
    </rPh>
    <rPh sb="16" eb="17">
      <t>キュウ</t>
    </rPh>
    <rPh sb="17" eb="20">
      <t>ジュケンシャ</t>
    </rPh>
    <rPh sb="25" eb="28">
      <t>テンイジョウ</t>
    </rPh>
    <rPh sb="30" eb="31">
      <t>キュウ</t>
    </rPh>
    <rPh sb="39" eb="40">
      <t>テン</t>
    </rPh>
    <rPh sb="40" eb="42">
      <t>イジョウ</t>
    </rPh>
    <rPh sb="75" eb="77">
      <t>イゼン</t>
    </rPh>
    <rPh sb="78" eb="80">
      <t>セイセキ</t>
    </rPh>
    <phoneticPr fontId="4"/>
  </si>
  <si>
    <t>個別試験の得点に加点（５～15点）
※2023年３月以前の成績利用時は770</t>
    <rPh sb="0" eb="2">
      <t>コベツ</t>
    </rPh>
    <rPh sb="2" eb="4">
      <t>シケン</t>
    </rPh>
    <rPh sb="5" eb="7">
      <t>トクテン</t>
    </rPh>
    <rPh sb="8" eb="10">
      <t>カテン</t>
    </rPh>
    <rPh sb="15" eb="16">
      <t>テン</t>
    </rPh>
    <rPh sb="26" eb="28">
      <t>イゼン</t>
    </rPh>
    <rPh sb="29" eb="31">
      <t>セイセキ</t>
    </rPh>
    <rPh sb="31" eb="33">
      <t>リヨウ</t>
    </rPh>
    <rPh sb="33" eb="34">
      <t>ジ</t>
    </rPh>
    <phoneticPr fontId="4"/>
  </si>
  <si>
    <t>一般選抜（Ⅲ期高校時代活動評価方式）</t>
    <rPh sb="0" eb="2">
      <t>イッパン</t>
    </rPh>
    <rPh sb="2" eb="4">
      <t>センバツ</t>
    </rPh>
    <rPh sb="6" eb="7">
      <t>キ</t>
    </rPh>
    <rPh sb="7" eb="11">
      <t>コウコウジダイ</t>
    </rPh>
    <rPh sb="11" eb="15">
      <t>カツドウヒョウカ</t>
    </rPh>
    <rPh sb="15" eb="17">
      <t>ホウシキ</t>
    </rPh>
    <phoneticPr fontId="4"/>
  </si>
  <si>
    <t>810
CBT</t>
    <phoneticPr fontId="4"/>
  </si>
  <si>
    <t>一般選抜Ⅰ期Ｂ日程</t>
    <rPh sb="0" eb="4">
      <t>イッパンセンバツ</t>
    </rPh>
    <rPh sb="5" eb="6">
      <t>キ</t>
    </rPh>
    <rPh sb="7" eb="9">
      <t>ニッテイ</t>
    </rPh>
    <phoneticPr fontId="4"/>
  </si>
  <si>
    <t>一般選抜Ⅰ期、Ⅱ期、Ⅲ期</t>
    <rPh sb="0" eb="4">
      <t>イッパンセンバツ</t>
    </rPh>
    <rPh sb="5" eb="6">
      <t>キ</t>
    </rPh>
    <rPh sb="8" eb="9">
      <t>キ</t>
    </rPh>
    <rPh sb="11" eb="12">
      <t>キ</t>
    </rPh>
    <phoneticPr fontId="4"/>
  </si>
  <si>
    <t>大学が別途定めるスコアを満たす場合は、個別試験の得点に加点（０～100点）
英検は２級以上受検者が対象</t>
    <rPh sb="0" eb="2">
      <t>ダイガク</t>
    </rPh>
    <rPh sb="3" eb="5">
      <t>ベット</t>
    </rPh>
    <rPh sb="5" eb="6">
      <t>サダ</t>
    </rPh>
    <rPh sb="12" eb="13">
      <t>ミ</t>
    </rPh>
    <rPh sb="15" eb="17">
      <t>バアイ</t>
    </rPh>
    <rPh sb="19" eb="21">
      <t>コベツ</t>
    </rPh>
    <rPh sb="21" eb="23">
      <t>シケン</t>
    </rPh>
    <rPh sb="24" eb="26">
      <t>トクテン</t>
    </rPh>
    <rPh sb="27" eb="29">
      <t>カテン</t>
    </rPh>
    <rPh sb="35" eb="36">
      <t>テン</t>
    </rPh>
    <rPh sb="47" eb="48">
      <t>シャ</t>
    </rPh>
    <rPh sb="49" eb="51">
      <t>タイショウ</t>
    </rPh>
    <phoneticPr fontId="4"/>
  </si>
  <si>
    <t>個別試験または共通テスト「英語」の満点を上限に加点（３～10点）</t>
    <rPh sb="0" eb="4">
      <t>コベツシケン</t>
    </rPh>
    <rPh sb="7" eb="9">
      <t>キョウツウ</t>
    </rPh>
    <rPh sb="13" eb="15">
      <t>エイゴ</t>
    </rPh>
    <rPh sb="17" eb="19">
      <t>マンテン</t>
    </rPh>
    <rPh sb="20" eb="22">
      <t>ジョウゲン</t>
    </rPh>
    <rPh sb="23" eb="25">
      <t>カテン</t>
    </rPh>
    <rPh sb="30" eb="31">
      <t>テン</t>
    </rPh>
    <phoneticPr fontId="4"/>
  </si>
  <si>
    <t>共通テスト「英語」の得点を満点とみなす</t>
    <rPh sb="0" eb="2">
      <t>キョウツウ</t>
    </rPh>
    <phoneticPr fontId="4"/>
  </si>
  <si>
    <t>全学部（文－芸術を除く）</t>
    <rPh sb="0" eb="3">
      <t>ゼンガクブ</t>
    </rPh>
    <rPh sb="4" eb="5">
      <t>ブン</t>
    </rPh>
    <rPh sb="6" eb="8">
      <t>ゲイジュツ</t>
    </rPh>
    <rPh sb="9" eb="10">
      <t>ノゾ</t>
    </rPh>
    <phoneticPr fontId="4"/>
  </si>
  <si>
    <t>個別試験「外国語」の得点に換算（65～95点）（受験した場合は高得点の方を利用）
英検は２級以上受検者が対象</t>
    <rPh sb="0" eb="2">
      <t>コベツ</t>
    </rPh>
    <rPh sb="2" eb="4">
      <t>シケン</t>
    </rPh>
    <rPh sb="5" eb="8">
      <t>ガイコクゴ</t>
    </rPh>
    <rPh sb="10" eb="12">
      <t>トクテン</t>
    </rPh>
    <rPh sb="13" eb="15">
      <t>カンサン</t>
    </rPh>
    <rPh sb="21" eb="22">
      <t>テン</t>
    </rPh>
    <rPh sb="24" eb="26">
      <t>ジュケン</t>
    </rPh>
    <rPh sb="28" eb="30">
      <t>バアイ</t>
    </rPh>
    <rPh sb="31" eb="34">
      <t>コウトクテン</t>
    </rPh>
    <rPh sb="35" eb="36">
      <t>ホウ</t>
    </rPh>
    <rPh sb="37" eb="39">
      <t>リヨウ</t>
    </rPh>
    <rPh sb="41" eb="43">
      <t>エイケン</t>
    </rPh>
    <rPh sb="45" eb="46">
      <t>キュウ</t>
    </rPh>
    <rPh sb="46" eb="48">
      <t>イジョウ</t>
    </rPh>
    <rPh sb="48" eb="50">
      <t>ジュケン</t>
    </rPh>
    <rPh sb="50" eb="51">
      <t>シャ</t>
    </rPh>
    <rPh sb="52" eb="54">
      <t>タイショウ</t>
    </rPh>
    <phoneticPr fontId="4"/>
  </si>
  <si>
    <t>全方式</t>
    <rPh sb="0" eb="1">
      <t>ゼン</t>
    </rPh>
    <rPh sb="1" eb="3">
      <t>ホウシキ</t>
    </rPh>
    <phoneticPr fontId="4"/>
  </si>
  <si>
    <t>面接・調査書に加点</t>
    <rPh sb="0" eb="2">
      <t>メンセツ</t>
    </rPh>
    <rPh sb="3" eb="6">
      <t>チョウサショ</t>
    </rPh>
    <rPh sb="7" eb="9">
      <t>カテン</t>
    </rPh>
    <phoneticPr fontId="4"/>
  </si>
  <si>
    <t>個別試験または共通テスト「英語」の得点に換算（70～100％）（個別試験または共通テスト「英語」の受験は必須、高得点の方を利用）</t>
    <phoneticPr fontId="4"/>
  </si>
  <si>
    <t>個別試験の得点に加点（70～100点）
英検は３級以上受検者が対象</t>
    <rPh sb="8" eb="10">
      <t>カテン</t>
    </rPh>
    <rPh sb="20" eb="22">
      <t>エイケン</t>
    </rPh>
    <rPh sb="24" eb="25">
      <t>キュウ</t>
    </rPh>
    <rPh sb="25" eb="27">
      <t>イジョウ</t>
    </rPh>
    <rPh sb="27" eb="30">
      <t>ジュケンシャ</t>
    </rPh>
    <rPh sb="31" eb="33">
      <t>タイショウ</t>
    </rPh>
    <phoneticPr fontId="4"/>
  </si>
  <si>
    <t>共通テスト利用Ⅳ期（英語資格方式）</t>
    <rPh sb="0" eb="2">
      <t>キョウツウ</t>
    </rPh>
    <rPh sb="5" eb="7">
      <t>リヨウ</t>
    </rPh>
    <rPh sb="8" eb="9">
      <t>キ</t>
    </rPh>
    <rPh sb="10" eb="12">
      <t>エイゴ</t>
    </rPh>
    <rPh sb="12" eb="14">
      <t>シカク</t>
    </rPh>
    <rPh sb="14" eb="16">
      <t>ホウシキ</t>
    </rPh>
    <phoneticPr fontId="4"/>
  </si>
  <si>
    <t>個別試験「英語」の得点に換算（80～100％）（個別試験「英語」の受験は必須、高得点の方を利用）
TOEICはS&amp;Wのスコアを2.5倍にして合算</t>
    <rPh sb="0" eb="2">
      <t>コベツ</t>
    </rPh>
    <rPh sb="2" eb="4">
      <t>シケン</t>
    </rPh>
    <rPh sb="5" eb="7">
      <t>エイゴ</t>
    </rPh>
    <rPh sb="9" eb="11">
      <t>トクテン</t>
    </rPh>
    <rPh sb="12" eb="14">
      <t>カンサン</t>
    </rPh>
    <rPh sb="24" eb="28">
      <t>コベツシケン</t>
    </rPh>
    <rPh sb="29" eb="31">
      <t>エイゴ</t>
    </rPh>
    <rPh sb="33" eb="35">
      <t>ジュケン</t>
    </rPh>
    <rPh sb="36" eb="38">
      <t>ヒッス</t>
    </rPh>
    <rPh sb="39" eb="42">
      <t>コウトクテン</t>
    </rPh>
    <rPh sb="43" eb="44">
      <t>ホウ</t>
    </rPh>
    <rPh sb="45" eb="47">
      <t>リヨウ</t>
    </rPh>
    <phoneticPr fontId="4"/>
  </si>
  <si>
    <t>共通テスト「英語」の得点に換算（80～100％）（共通テスト「英語」の受験は必須、高得点の方を利用）
ケンブリッジ英語検定はPET以上受検者が対象
英検は準１級以上受検による1950以上も可
TOEICはS&amp;Wのスコアを2.5倍にして合算
※リンガスキルの利用可</t>
    <rPh sb="0" eb="2">
      <t>キョウツウ</t>
    </rPh>
    <rPh sb="6" eb="8">
      <t>エイゴ</t>
    </rPh>
    <rPh sb="10" eb="12">
      <t>トクテン</t>
    </rPh>
    <rPh sb="13" eb="15">
      <t>カンサン</t>
    </rPh>
    <rPh sb="25" eb="27">
      <t>キョウツウ</t>
    </rPh>
    <rPh sb="41" eb="44">
      <t>コウトクテン</t>
    </rPh>
    <rPh sb="45" eb="46">
      <t>ホウ</t>
    </rPh>
    <rPh sb="47" eb="49">
      <t>リヨウ</t>
    </rPh>
    <rPh sb="57" eb="59">
      <t>エイゴ</t>
    </rPh>
    <rPh sb="59" eb="61">
      <t>ケンテイ</t>
    </rPh>
    <rPh sb="65" eb="67">
      <t>イジョウ</t>
    </rPh>
    <rPh sb="67" eb="70">
      <t>ジュケンシャ</t>
    </rPh>
    <rPh sb="71" eb="73">
      <t>タイショウ</t>
    </rPh>
    <rPh sb="74" eb="76">
      <t>エイケン</t>
    </rPh>
    <rPh sb="77" eb="78">
      <t>ジュン</t>
    </rPh>
    <rPh sb="79" eb="80">
      <t>キュウ</t>
    </rPh>
    <rPh sb="80" eb="82">
      <t>イジョウ</t>
    </rPh>
    <rPh sb="82" eb="84">
      <t>ジュケン</t>
    </rPh>
    <rPh sb="91" eb="93">
      <t>イジョウ</t>
    </rPh>
    <rPh sb="94" eb="95">
      <t>カ</t>
    </rPh>
    <rPh sb="128" eb="131">
      <t>リヨウカ</t>
    </rPh>
    <phoneticPr fontId="4"/>
  </si>
  <si>
    <t>個別試験または共通テスト「英語」の満点を上限に加点（英語の得点の10％）</t>
    <rPh sb="17" eb="19">
      <t>マンテン</t>
    </rPh>
    <rPh sb="20" eb="22">
      <t>ジョウゲン</t>
    </rPh>
    <rPh sb="23" eb="25">
      <t>カテン</t>
    </rPh>
    <rPh sb="26" eb="28">
      <t>エイゴ</t>
    </rPh>
    <rPh sb="29" eb="31">
      <t>トクテン</t>
    </rPh>
    <phoneticPr fontId="4"/>
  </si>
  <si>
    <t>活動報告書の評価に含む</t>
    <rPh sb="0" eb="5">
      <t>カツドウホウコクショ</t>
    </rPh>
    <rPh sb="6" eb="8">
      <t>ヒョウカ</t>
    </rPh>
    <rPh sb="9" eb="10">
      <t>フク</t>
    </rPh>
    <phoneticPr fontId="4"/>
  </si>
  <si>
    <t>共通テスト「英語」の得点を満点とみなす</t>
    <rPh sb="0" eb="2">
      <t>キョウツウ</t>
    </rPh>
    <rPh sb="6" eb="8">
      <t>エイゴ</t>
    </rPh>
    <rPh sb="10" eb="12">
      <t>トクテン</t>
    </rPh>
    <rPh sb="13" eb="15">
      <t>マンテン</t>
    </rPh>
    <phoneticPr fontId="4"/>
  </si>
  <si>
    <t>個別試験「英語」の得点に換算（85または100点）（個別試験「英語」の受験を免除）</t>
    <rPh sb="0" eb="4">
      <t>コベツシケン</t>
    </rPh>
    <rPh sb="5" eb="7">
      <t>エイゴ</t>
    </rPh>
    <rPh sb="9" eb="11">
      <t>トクテン</t>
    </rPh>
    <rPh sb="12" eb="14">
      <t>カンサン</t>
    </rPh>
    <rPh sb="23" eb="24">
      <t>テン</t>
    </rPh>
    <rPh sb="26" eb="30">
      <t>コベツシケン</t>
    </rPh>
    <rPh sb="31" eb="33">
      <t>エイゴ</t>
    </rPh>
    <rPh sb="35" eb="37">
      <t>ジュケン</t>
    </rPh>
    <rPh sb="38" eb="40">
      <t>メンジョ</t>
    </rPh>
    <phoneticPr fontId="4"/>
  </si>
  <si>
    <t>大学が別途定めるスコアを満たす場合は、個別試験の得点に加点（10点）</t>
    <phoneticPr fontId="18"/>
  </si>
  <si>
    <t>大学が別途定めるスコアを満たす場合は、個別試験の得点に加点（５～15点）</t>
    <rPh sb="0" eb="2">
      <t>ダイガク</t>
    </rPh>
    <rPh sb="3" eb="5">
      <t>ベット</t>
    </rPh>
    <rPh sb="5" eb="6">
      <t>サダ</t>
    </rPh>
    <rPh sb="12" eb="13">
      <t>ミ</t>
    </rPh>
    <rPh sb="15" eb="17">
      <t>バアイ</t>
    </rPh>
    <rPh sb="19" eb="23">
      <t>コベツシケン</t>
    </rPh>
    <rPh sb="24" eb="26">
      <t>トクテン</t>
    </rPh>
    <rPh sb="27" eb="29">
      <t>カテン</t>
    </rPh>
    <rPh sb="34" eb="35">
      <t>テン</t>
    </rPh>
    <phoneticPr fontId="4"/>
  </si>
  <si>
    <t>大学が別途定めるスコアを満たす場合は、個別試験の得点に加点（最大30点）
他に技能ごとの基準あり</t>
    <rPh sb="30" eb="32">
      <t>サイダイ</t>
    </rPh>
    <rPh sb="37" eb="38">
      <t>ホカ</t>
    </rPh>
    <rPh sb="39" eb="41">
      <t>ギノウ</t>
    </rPh>
    <rPh sb="44" eb="46">
      <t>キジュン</t>
    </rPh>
    <phoneticPr fontId="4"/>
  </si>
  <si>
    <t>共通テスト「外国語」の得点を満点とみなす（大学が別途定めるスコアを満たす場合は、個別試験「外国語」の得点も満点とみなす）
他に技能ごとの基準あり</t>
    <rPh sb="6" eb="9">
      <t>ガイコクゴ</t>
    </rPh>
    <rPh sb="11" eb="13">
      <t>トクテン</t>
    </rPh>
    <rPh sb="21" eb="23">
      <t>ダイガク</t>
    </rPh>
    <rPh sb="24" eb="26">
      <t>ベット</t>
    </rPh>
    <rPh sb="26" eb="27">
      <t>サダ</t>
    </rPh>
    <rPh sb="33" eb="34">
      <t>ミ</t>
    </rPh>
    <rPh sb="36" eb="38">
      <t>バアイ</t>
    </rPh>
    <rPh sb="40" eb="42">
      <t>コベツ</t>
    </rPh>
    <rPh sb="42" eb="44">
      <t>シケン</t>
    </rPh>
    <rPh sb="45" eb="48">
      <t>ガイコクゴ</t>
    </rPh>
    <rPh sb="50" eb="52">
      <t>トクテン</t>
    </rPh>
    <rPh sb="53" eb="55">
      <t>マンテン</t>
    </rPh>
    <phoneticPr fontId="4"/>
  </si>
  <si>
    <t>大学が別途定めるスコアを満たす場合は、個別試験の得点に加点（80～100点）</t>
    <rPh sb="0" eb="2">
      <t>ダイガク</t>
    </rPh>
    <rPh sb="3" eb="5">
      <t>ベット</t>
    </rPh>
    <rPh sb="5" eb="6">
      <t>サダ</t>
    </rPh>
    <rPh sb="12" eb="13">
      <t>ミ</t>
    </rPh>
    <rPh sb="15" eb="17">
      <t>バアイ</t>
    </rPh>
    <rPh sb="19" eb="21">
      <t>コベツ</t>
    </rPh>
    <rPh sb="21" eb="23">
      <t>シケン</t>
    </rPh>
    <rPh sb="24" eb="26">
      <t>トクテン</t>
    </rPh>
    <rPh sb="27" eb="29">
      <t>カテン</t>
    </rPh>
    <rPh sb="36" eb="37">
      <t>テン</t>
    </rPh>
    <phoneticPr fontId="4"/>
  </si>
  <si>
    <t>大学が別途定めるスコアを満たす場合は、個別試験の得点に加点（15または30点）
ケンブリッジ英語検定はPET以上受検者が対象
英検は２級以上受検者が対象
TOEICは他に技能ごとの基準あり</t>
    <rPh sb="46" eb="48">
      <t>エイゴ</t>
    </rPh>
    <rPh sb="48" eb="50">
      <t>ケンテイ</t>
    </rPh>
    <rPh sb="54" eb="56">
      <t>イジョウ</t>
    </rPh>
    <rPh sb="60" eb="62">
      <t>タイショウ</t>
    </rPh>
    <rPh sb="63" eb="65">
      <t>エイケン</t>
    </rPh>
    <rPh sb="67" eb="68">
      <t>キュウ</t>
    </rPh>
    <rPh sb="68" eb="70">
      <t>イジョウ</t>
    </rPh>
    <phoneticPr fontId="4"/>
  </si>
  <si>
    <t>大学が別途定めるスコアを満たす場合は、個別試験の得点に加点（※学部・学科により加点設定は異なる）
他に技能ごとの基準あり</t>
    <rPh sb="0" eb="2">
      <t>ダイガク</t>
    </rPh>
    <rPh sb="3" eb="5">
      <t>ベット</t>
    </rPh>
    <rPh sb="5" eb="6">
      <t>サダ</t>
    </rPh>
    <rPh sb="12" eb="13">
      <t>ミ</t>
    </rPh>
    <rPh sb="15" eb="17">
      <t>バアイ</t>
    </rPh>
    <rPh sb="19" eb="23">
      <t>コベツシケン</t>
    </rPh>
    <rPh sb="24" eb="26">
      <t>トクテン</t>
    </rPh>
    <rPh sb="27" eb="29">
      <t>カテン</t>
    </rPh>
    <rPh sb="31" eb="33">
      <t>ガクブ</t>
    </rPh>
    <rPh sb="34" eb="36">
      <t>ガッカ</t>
    </rPh>
    <rPh sb="39" eb="43">
      <t>カテンセッテイ</t>
    </rPh>
    <rPh sb="44" eb="45">
      <t>コト</t>
    </rPh>
    <phoneticPr fontId="4"/>
  </si>
  <si>
    <t>個別試験「外国語」の得点に換算（80または100点）（高得点の方を利用）
TOEICはS&amp;Wのスコアを2.5倍にして合算</t>
    <rPh sb="5" eb="8">
      <t>ガイコクゴ</t>
    </rPh>
    <phoneticPr fontId="4"/>
  </si>
  <si>
    <t>個別試験「英語」の得点に換算（70～100点）（高得点の方を利用）
TOEICはS&amp;Wのスコアを2.5倍にして合算</t>
    <rPh sb="21" eb="22">
      <t>テン</t>
    </rPh>
    <phoneticPr fontId="4"/>
  </si>
  <si>
    <t>2級
1860</t>
    <phoneticPr fontId="4"/>
  </si>
  <si>
    <t>個別試験「英語」の得点に換算（60～100点）（受験した場合は高得点の方を利用）
英検は準２級以上受検者が対象
TOEICはS&amp;Wのスコアを2.5倍にして合算</t>
    <rPh sb="0" eb="2">
      <t>コベツ</t>
    </rPh>
    <rPh sb="2" eb="4">
      <t>シケン</t>
    </rPh>
    <rPh sb="5" eb="7">
      <t>エイゴ</t>
    </rPh>
    <rPh sb="9" eb="11">
      <t>トクテン</t>
    </rPh>
    <rPh sb="12" eb="14">
      <t>カンザン</t>
    </rPh>
    <rPh sb="21" eb="22">
      <t>テン</t>
    </rPh>
    <rPh sb="24" eb="26">
      <t>ジュケン</t>
    </rPh>
    <rPh sb="28" eb="30">
      <t>バアイ</t>
    </rPh>
    <rPh sb="31" eb="34">
      <t>コウトクテン</t>
    </rPh>
    <rPh sb="35" eb="36">
      <t>ホウ</t>
    </rPh>
    <rPh sb="37" eb="39">
      <t>リヨウ</t>
    </rPh>
    <rPh sb="41" eb="43">
      <t>エイケン</t>
    </rPh>
    <rPh sb="44" eb="45">
      <t>ジュン</t>
    </rPh>
    <rPh sb="46" eb="47">
      <t>キュウ</t>
    </rPh>
    <rPh sb="47" eb="49">
      <t>イジョウ</t>
    </rPh>
    <rPh sb="49" eb="51">
      <t>ジュケン</t>
    </rPh>
    <rPh sb="51" eb="52">
      <t>シャ</t>
    </rPh>
    <rPh sb="53" eb="55">
      <t>タイショウ</t>
    </rPh>
    <rPh sb="73" eb="74">
      <t>バイ</t>
    </rPh>
    <rPh sb="77" eb="79">
      <t>ガッサン</t>
    </rPh>
    <phoneticPr fontId="4"/>
  </si>
  <si>
    <t>個別試験「英語」の得点を満点とみなす
TOEICはS&amp;Wのスコアを2.5倍にして合算</t>
    <rPh sb="0" eb="2">
      <t>コベツ</t>
    </rPh>
    <rPh sb="2" eb="4">
      <t>シケン</t>
    </rPh>
    <rPh sb="5" eb="7">
      <t>エイゴ</t>
    </rPh>
    <rPh sb="9" eb="11">
      <t>トクテン</t>
    </rPh>
    <rPh sb="12" eb="14">
      <t>マンテン</t>
    </rPh>
    <rPh sb="36" eb="37">
      <t>バイ</t>
    </rPh>
    <rPh sb="40" eb="42">
      <t>ガッサン</t>
    </rPh>
    <phoneticPr fontId="4"/>
  </si>
  <si>
    <t>個別試験「外国語」の得点を満点とみなす（個別試験「外国語」の受験を免除）
TOEICはS&amp;Wのスコアを2.5倍にして合算</t>
    <rPh sb="5" eb="8">
      <t>ガイコクゴ</t>
    </rPh>
    <rPh sb="20" eb="22">
      <t>コベツ</t>
    </rPh>
    <rPh sb="22" eb="24">
      <t>シケン</t>
    </rPh>
    <rPh sb="25" eb="28">
      <t>ガイコクゴ</t>
    </rPh>
    <rPh sb="30" eb="32">
      <t>ジュケン</t>
    </rPh>
    <rPh sb="33" eb="35">
      <t>メンジョ</t>
    </rPh>
    <rPh sb="54" eb="55">
      <t>バイ</t>
    </rPh>
    <rPh sb="58" eb="60">
      <t>ガッサン</t>
    </rPh>
    <phoneticPr fontId="4"/>
  </si>
  <si>
    <t>TOEFL iBTはMyBestスコアも利用可</t>
    <phoneticPr fontId="4"/>
  </si>
  <si>
    <t>調査書に加点（最大５点）</t>
    <rPh sb="0" eb="3">
      <t>チョウサショ</t>
    </rPh>
    <rPh sb="4" eb="6">
      <t>カテン</t>
    </rPh>
    <rPh sb="7" eb="9">
      <t>サイダイ</t>
    </rPh>
    <rPh sb="10" eb="11">
      <t>テン</t>
    </rPh>
    <phoneticPr fontId="4"/>
  </si>
  <si>
    <t>個別試験または共通テスト「英語」の得点に換算（75～100点）（受験した場合は高得点の方を利用）</t>
    <rPh sb="7" eb="9">
      <t>キョウツウ</t>
    </rPh>
    <rPh sb="13" eb="15">
      <t>エイゴ</t>
    </rPh>
    <phoneticPr fontId="4"/>
  </si>
  <si>
    <t>※リンガスキルの利用可</t>
    <rPh sb="8" eb="10">
      <t>リヨウ</t>
    </rPh>
    <rPh sb="10" eb="11">
      <t>カ</t>
    </rPh>
    <phoneticPr fontId="4"/>
  </si>
  <si>
    <t>個別試験「英語」の得点に換算（70～100点）（個別試験「英語」の受験を免除）</t>
    <rPh sb="0" eb="2">
      <t>コベツ</t>
    </rPh>
    <rPh sb="2" eb="4">
      <t>シケン</t>
    </rPh>
    <rPh sb="5" eb="7">
      <t>エイゴ</t>
    </rPh>
    <rPh sb="9" eb="11">
      <t>トクテン</t>
    </rPh>
    <rPh sb="12" eb="14">
      <t>カンサン</t>
    </rPh>
    <rPh sb="21" eb="22">
      <t>テン</t>
    </rPh>
    <phoneticPr fontId="4"/>
  </si>
  <si>
    <t>680
Ad
Ba
CBT</t>
    <phoneticPr fontId="4"/>
  </si>
  <si>
    <t>A2</t>
  </si>
  <si>
    <t>120
※1</t>
    <phoneticPr fontId="4"/>
  </si>
  <si>
    <t>一般選抜（学科選択、共通テスト選択）</t>
    <rPh sb="0" eb="2">
      <t>イッパン</t>
    </rPh>
    <rPh sb="2" eb="4">
      <t>センバツ</t>
    </rPh>
    <rPh sb="5" eb="9">
      <t>ガッカセンタク</t>
    </rPh>
    <rPh sb="10" eb="12">
      <t>キョウツウ</t>
    </rPh>
    <rPh sb="15" eb="17">
      <t>センタク</t>
    </rPh>
    <phoneticPr fontId="4"/>
  </si>
  <si>
    <t>個別試験「外国語」の満点を上限に加点（教育（英語教育）・園芸・看護は20または30点、その他の学部は５または10点）
英検は受検級の指定あり
TOEICはS&amp;Wのスコアを2.5倍にして合算</t>
    <rPh sb="0" eb="4">
      <t>コベツシケン</t>
    </rPh>
    <rPh sb="5" eb="8">
      <t>ガイコクゴ</t>
    </rPh>
    <rPh sb="10" eb="12">
      <t>マンテン</t>
    </rPh>
    <rPh sb="13" eb="15">
      <t>ジョウゲン</t>
    </rPh>
    <rPh sb="16" eb="18">
      <t>カテン</t>
    </rPh>
    <rPh sb="24" eb="26">
      <t>キョウイク</t>
    </rPh>
    <rPh sb="28" eb="30">
      <t>エンゲイ</t>
    </rPh>
    <rPh sb="31" eb="33">
      <t>カンゴ</t>
    </rPh>
    <rPh sb="41" eb="42">
      <t>テン</t>
    </rPh>
    <rPh sb="45" eb="46">
      <t>タ</t>
    </rPh>
    <rPh sb="47" eb="49">
      <t>ガクブ</t>
    </rPh>
    <rPh sb="56" eb="57">
      <t>テン</t>
    </rPh>
    <rPh sb="59" eb="61">
      <t>エイケン</t>
    </rPh>
    <rPh sb="62" eb="64">
      <t>ジュケン</t>
    </rPh>
    <rPh sb="64" eb="65">
      <t>キュウ</t>
    </rPh>
    <rPh sb="66" eb="68">
      <t>シテイ</t>
    </rPh>
    <phoneticPr fontId="4"/>
  </si>
  <si>
    <t>準1級</t>
    <rPh sb="0" eb="1">
      <t>ジュン</t>
    </rPh>
    <rPh sb="2" eb="3">
      <t>キュウ</t>
    </rPh>
    <phoneticPr fontId="4"/>
  </si>
  <si>
    <t>国際・英語</t>
    <rPh sb="0" eb="2">
      <t>コクサイ</t>
    </rPh>
    <rPh sb="3" eb="5">
      <t>エイゴ</t>
    </rPh>
    <phoneticPr fontId="4"/>
  </si>
  <si>
    <t>英語資格型</t>
    <rPh sb="0" eb="4">
      <t>エイゴシカク</t>
    </rPh>
    <rPh sb="4" eb="5">
      <t>ガタ</t>
    </rPh>
    <phoneticPr fontId="4"/>
  </si>
  <si>
    <t>一般選抜（中期・後期）、共通テスト併用型（中期・後期）</t>
    <rPh sb="0" eb="4">
      <t>イッパンセンバツ</t>
    </rPh>
    <rPh sb="5" eb="7">
      <t>チュウキ</t>
    </rPh>
    <rPh sb="8" eb="10">
      <t>コウキ</t>
    </rPh>
    <rPh sb="12" eb="14">
      <t>キョウツウ</t>
    </rPh>
    <rPh sb="17" eb="19">
      <t>ヘイヨウ</t>
    </rPh>
    <rPh sb="19" eb="20">
      <t>ガタ</t>
    </rPh>
    <rPh sb="21" eb="23">
      <t>チュウキ</t>
    </rPh>
    <rPh sb="24" eb="26">
      <t>コウキ</t>
    </rPh>
    <phoneticPr fontId="4"/>
  </si>
  <si>
    <t>一般選抜（Ⅱ期）</t>
    <rPh sb="0" eb="2">
      <t>イッパン</t>
    </rPh>
    <rPh sb="2" eb="4">
      <t>センバツ</t>
    </rPh>
    <rPh sb="6" eb="7">
      <t>キ</t>
    </rPh>
    <phoneticPr fontId="4"/>
  </si>
  <si>
    <t>個別試験「英語」の得点に換算（75～100点）
TOEICはS&amp;Wのスコアを2.5倍にして合算</t>
    <rPh sb="0" eb="4">
      <t>コベツシケン</t>
    </rPh>
    <rPh sb="5" eb="7">
      <t>エイゴ</t>
    </rPh>
    <rPh sb="9" eb="11">
      <t>トクテン</t>
    </rPh>
    <rPh sb="12" eb="14">
      <t>カンサン</t>
    </rPh>
    <rPh sb="21" eb="22">
      <t>テン</t>
    </rPh>
    <phoneticPr fontId="4"/>
  </si>
  <si>
    <t>個別試験「英語」の得点に加点（５～10点）</t>
    <rPh sb="0" eb="4">
      <t>コベツシケン</t>
    </rPh>
    <rPh sb="5" eb="7">
      <t>エイゴ</t>
    </rPh>
    <rPh sb="9" eb="11">
      <t>トクテン</t>
    </rPh>
    <rPh sb="12" eb="14">
      <t>カテン</t>
    </rPh>
    <rPh sb="19" eb="20">
      <t>テン</t>
    </rPh>
    <phoneticPr fontId="4"/>
  </si>
  <si>
    <t>個別試験「英語」または共通テスト「外国語」の得点を満点とみなす（一般選抜では個別試験「英語」の受験を免除）</t>
    <rPh sb="0" eb="4">
      <t>コベツシケン</t>
    </rPh>
    <rPh sb="5" eb="7">
      <t>エイゴ</t>
    </rPh>
    <rPh sb="11" eb="13">
      <t>キョウツウ</t>
    </rPh>
    <rPh sb="17" eb="20">
      <t>ガイコクゴ</t>
    </rPh>
    <rPh sb="22" eb="24">
      <t>トクテン</t>
    </rPh>
    <rPh sb="25" eb="27">
      <t>マンテン</t>
    </rPh>
    <rPh sb="32" eb="34">
      <t>イッパン</t>
    </rPh>
    <rPh sb="34" eb="36">
      <t>センバツ</t>
    </rPh>
    <rPh sb="38" eb="40">
      <t>コベツ</t>
    </rPh>
    <phoneticPr fontId="4"/>
  </si>
  <si>
    <t>一般選抜（３科目判定、２科目判定）</t>
    <rPh sb="0" eb="2">
      <t>イッパン</t>
    </rPh>
    <rPh sb="2" eb="4">
      <t>センバツ</t>
    </rPh>
    <rPh sb="6" eb="8">
      <t>カモク</t>
    </rPh>
    <rPh sb="8" eb="10">
      <t>ハンテイ</t>
    </rPh>
    <rPh sb="12" eb="14">
      <t>カモク</t>
    </rPh>
    <rPh sb="14" eb="16">
      <t>ハンテイ</t>
    </rPh>
    <phoneticPr fontId="4"/>
  </si>
  <si>
    <t>一般生入試（英語外部検定利用制度）</t>
    <rPh sb="0" eb="2">
      <t>イッパン</t>
    </rPh>
    <rPh sb="2" eb="3">
      <t>セイ</t>
    </rPh>
    <rPh sb="3" eb="5">
      <t>ニュウシ</t>
    </rPh>
    <rPh sb="6" eb="8">
      <t>エイゴ</t>
    </rPh>
    <rPh sb="8" eb="10">
      <t>ガイブ</t>
    </rPh>
    <rPh sb="10" eb="12">
      <t>ケンテイ</t>
    </rPh>
    <rPh sb="12" eb="14">
      <t>リヨウ</t>
    </rPh>
    <rPh sb="14" eb="16">
      <t>セイド</t>
    </rPh>
    <phoneticPr fontId="4"/>
  </si>
  <si>
    <t>個別試験の得点に加点（60～100点）
TOEICはS&amp;Wのスコアを2.5倍にして合算</t>
    <rPh sb="8" eb="10">
      <t>カテン</t>
    </rPh>
    <rPh sb="17" eb="18">
      <t>テン</t>
    </rPh>
    <phoneticPr fontId="4"/>
  </si>
  <si>
    <t>合否判定の際に優遇する
※リンガスキル（140）の利用可</t>
    <rPh sb="0" eb="2">
      <t>ゴウヒ</t>
    </rPh>
    <rPh sb="2" eb="4">
      <t>ハンテイ</t>
    </rPh>
    <rPh sb="5" eb="6">
      <t>サイ</t>
    </rPh>
    <rPh sb="7" eb="9">
      <t>ユウグウ</t>
    </rPh>
    <phoneticPr fontId="4"/>
  </si>
  <si>
    <t>自己アピール書に加点（最大２点）</t>
    <rPh sb="0" eb="2">
      <t>ジコ</t>
    </rPh>
    <rPh sb="6" eb="7">
      <t>ショ</t>
    </rPh>
    <rPh sb="8" eb="10">
      <t>カテン</t>
    </rPh>
    <rPh sb="11" eb="13">
      <t>サイダイ</t>
    </rPh>
    <rPh sb="14" eb="15">
      <t>テン</t>
    </rPh>
    <phoneticPr fontId="4"/>
  </si>
  <si>
    <t>総合点の満点を上限に加点（10～60点）</t>
    <rPh sb="0" eb="2">
      <t>ソウゴウ</t>
    </rPh>
    <rPh sb="2" eb="3">
      <t>テン</t>
    </rPh>
    <rPh sb="4" eb="6">
      <t>マンテン</t>
    </rPh>
    <rPh sb="7" eb="9">
      <t>ジョウゲン</t>
    </rPh>
    <rPh sb="10" eb="12">
      <t>カテン</t>
    </rPh>
    <rPh sb="18" eb="19">
      <t>テン</t>
    </rPh>
    <phoneticPr fontId="4"/>
  </si>
  <si>
    <t>個別試験「英語」の得点に換算（70～100点）（受験した場合は高得点の方を利用、満点換算の場合は「英語」の受験を免除）</t>
    <rPh sb="0" eb="2">
      <t>コベツ</t>
    </rPh>
    <rPh sb="2" eb="4">
      <t>シケン</t>
    </rPh>
    <rPh sb="5" eb="7">
      <t>エイゴ</t>
    </rPh>
    <rPh sb="9" eb="11">
      <t>トクテン</t>
    </rPh>
    <rPh sb="12" eb="14">
      <t>カンザン</t>
    </rPh>
    <rPh sb="21" eb="22">
      <t>テン</t>
    </rPh>
    <rPh sb="24" eb="26">
      <t>ジュケン</t>
    </rPh>
    <rPh sb="28" eb="30">
      <t>バアイ</t>
    </rPh>
    <rPh sb="31" eb="34">
      <t>コウトクテン</t>
    </rPh>
    <rPh sb="35" eb="36">
      <t>ホウ</t>
    </rPh>
    <rPh sb="37" eb="39">
      <t>リヨウ</t>
    </rPh>
    <phoneticPr fontId="4"/>
  </si>
  <si>
    <t>共通テスト「英語」の得点を満点とみなす（共通テスト「英語」の受験は必須、第１段階選抜を行う場合は共通テストの成績を利用する）</t>
    <rPh sb="0" eb="2">
      <t>キョウツウ</t>
    </rPh>
    <rPh sb="6" eb="8">
      <t>エイゴ</t>
    </rPh>
    <rPh sb="10" eb="12">
      <t>トクテン</t>
    </rPh>
    <rPh sb="13" eb="15">
      <t>マンテン</t>
    </rPh>
    <rPh sb="20" eb="22">
      <t>キョウツウ</t>
    </rPh>
    <rPh sb="26" eb="28">
      <t>エイゴ</t>
    </rPh>
    <rPh sb="30" eb="32">
      <t>ジュケン</t>
    </rPh>
    <rPh sb="33" eb="35">
      <t>ヒッス</t>
    </rPh>
    <rPh sb="36" eb="37">
      <t>ダイ</t>
    </rPh>
    <rPh sb="38" eb="40">
      <t>ダンカイ</t>
    </rPh>
    <rPh sb="40" eb="42">
      <t>センバツ</t>
    </rPh>
    <rPh sb="43" eb="44">
      <t>オコナ</t>
    </rPh>
    <rPh sb="45" eb="47">
      <t>バアイ</t>
    </rPh>
    <rPh sb="48" eb="50">
      <t>キョウツウ</t>
    </rPh>
    <rPh sb="54" eb="56">
      <t>セイセキ</t>
    </rPh>
    <rPh sb="57" eb="59">
      <t>リヨウ</t>
    </rPh>
    <phoneticPr fontId="4"/>
  </si>
  <si>
    <t>共通テスト「英語」の得点を満点とみなす（共通テスト「外国語」の受験は必須）</t>
    <rPh sb="0" eb="2">
      <t>キョウツウ</t>
    </rPh>
    <rPh sb="6" eb="8">
      <t>エイゴ</t>
    </rPh>
    <rPh sb="10" eb="12">
      <t>トクテン</t>
    </rPh>
    <rPh sb="13" eb="15">
      <t>マンテン</t>
    </rPh>
    <rPh sb="20" eb="22">
      <t>キョウツウ</t>
    </rPh>
    <rPh sb="26" eb="28">
      <t>ガイコク</t>
    </rPh>
    <phoneticPr fontId="4"/>
  </si>
  <si>
    <t>個別試験「英語」または共通テスト「外国語」の満点を上限に加点（５または20点）
TOEICはS&amp;Wのスコアを2.5倍にして合算</t>
    <rPh sb="0" eb="4">
      <t>コベツシケン</t>
    </rPh>
    <rPh sb="5" eb="7">
      <t>エイゴ</t>
    </rPh>
    <rPh sb="11" eb="13">
      <t>キョウツウ</t>
    </rPh>
    <rPh sb="17" eb="20">
      <t>ガイコクゴ</t>
    </rPh>
    <rPh sb="22" eb="24">
      <t>マンテン</t>
    </rPh>
    <rPh sb="25" eb="27">
      <t>ジョウゲン</t>
    </rPh>
    <rPh sb="28" eb="30">
      <t>カテン</t>
    </rPh>
    <rPh sb="37" eb="38">
      <t>テン</t>
    </rPh>
    <phoneticPr fontId="4"/>
  </si>
  <si>
    <t>個別試験「英語」の得点を満点とみなす（個別試験「英語」の受験を免除）</t>
    <rPh sb="0" eb="2">
      <t>コベツ</t>
    </rPh>
    <rPh sb="2" eb="4">
      <t>シケン</t>
    </rPh>
    <rPh sb="5" eb="7">
      <t>エイゴ</t>
    </rPh>
    <rPh sb="9" eb="11">
      <t>トクテン</t>
    </rPh>
    <rPh sb="12" eb="14">
      <t>マンテン</t>
    </rPh>
    <rPh sb="19" eb="23">
      <t>コベツシケン</t>
    </rPh>
    <rPh sb="24" eb="26">
      <t>エイゴ</t>
    </rPh>
    <rPh sb="28" eb="30">
      <t>ジュケン</t>
    </rPh>
    <rPh sb="31" eb="33">
      <t>メンジョ</t>
    </rPh>
    <phoneticPr fontId="4"/>
  </si>
  <si>
    <t>全学部（文－歴史文化、マネジメント創造、フロンティアサイエンス、理工－生物を除く）</t>
    <rPh sb="0" eb="3">
      <t>ゼンガクブ</t>
    </rPh>
    <rPh sb="35" eb="37">
      <t>セイブツ</t>
    </rPh>
    <rPh sb="38" eb="39">
      <t>ノゾ</t>
    </rPh>
    <phoneticPr fontId="4"/>
  </si>
  <si>
    <t>文－歴史文化、マネジメント創造、フロンティアサイエンス、理工－生物</t>
    <phoneticPr fontId="4"/>
  </si>
  <si>
    <t>全学部（先進工－機械－航空理工学を除く）</t>
    <rPh sb="0" eb="3">
      <t>ゼンガクブ</t>
    </rPh>
    <rPh sb="4" eb="6">
      <t>センシン</t>
    </rPh>
    <rPh sb="6" eb="7">
      <t>コウ</t>
    </rPh>
    <rPh sb="8" eb="10">
      <t>キカイ</t>
    </rPh>
    <rPh sb="11" eb="13">
      <t>コウクウ</t>
    </rPh>
    <rPh sb="13" eb="15">
      <t>リコウ</t>
    </rPh>
    <rPh sb="15" eb="16">
      <t>ガク</t>
    </rPh>
    <rPh sb="17" eb="18">
      <t>ノゾ</t>
    </rPh>
    <phoneticPr fontId="4"/>
  </si>
  <si>
    <t>先進工（機械－航空理工学）</t>
    <rPh sb="0" eb="2">
      <t>センシン</t>
    </rPh>
    <rPh sb="2" eb="3">
      <t>コウ</t>
    </rPh>
    <rPh sb="4" eb="6">
      <t>キカイ</t>
    </rPh>
    <rPh sb="7" eb="9">
      <t>コウクウ</t>
    </rPh>
    <rPh sb="9" eb="11">
      <t>リコウ</t>
    </rPh>
    <rPh sb="11" eb="12">
      <t>ガク</t>
    </rPh>
    <phoneticPr fontId="4"/>
  </si>
  <si>
    <t>一般選抜（個別学部日程Ｄ方式）</t>
    <rPh sb="0" eb="2">
      <t>イッパン</t>
    </rPh>
    <rPh sb="2" eb="4">
      <t>センバツ</t>
    </rPh>
    <rPh sb="5" eb="7">
      <t>コベツ</t>
    </rPh>
    <rPh sb="7" eb="9">
      <t>ガクブ</t>
    </rPh>
    <rPh sb="9" eb="11">
      <t>ニッテイ</t>
    </rPh>
    <rPh sb="12" eb="14">
      <t>ホウシキ</t>
    </rPh>
    <phoneticPr fontId="4"/>
  </si>
  <si>
    <t>●</t>
    <phoneticPr fontId="4"/>
  </si>
  <si>
    <t>個別試験「外国語」の受験を免除</t>
    <rPh sb="0" eb="4">
      <t>コベツシケン</t>
    </rPh>
    <rPh sb="5" eb="8">
      <t>ガイコクゴ</t>
    </rPh>
    <rPh sb="10" eb="12">
      <t>ジュケン</t>
    </rPh>
    <rPh sb="13" eb="15">
      <t>メンジョ</t>
    </rPh>
    <phoneticPr fontId="4"/>
  </si>
  <si>
    <t>出願要件を満たす場合は合格とする</t>
    <rPh sb="0" eb="4">
      <t>シュツガンヨウケン</t>
    </rPh>
    <rPh sb="11" eb="13">
      <t>ゴウカク</t>
    </rPh>
    <phoneticPr fontId="4"/>
  </si>
  <si>
    <t>※リンガスキルの利用可</t>
    <rPh sb="8" eb="11">
      <t>リヨウカ</t>
    </rPh>
    <phoneticPr fontId="4"/>
  </si>
  <si>
    <t>前期・後期（※健康福祉学部は前期のみ）</t>
    <rPh sb="0" eb="2">
      <t>ゼンキ</t>
    </rPh>
    <rPh sb="3" eb="5">
      <t>コウキ</t>
    </rPh>
    <rPh sb="11" eb="13">
      <t>ガクブ</t>
    </rPh>
    <rPh sb="14" eb="16">
      <t>ゼンキ</t>
    </rPh>
    <phoneticPr fontId="4"/>
  </si>
  <si>
    <t>都市環境（地理環境、都市基盤環境、建築、環境応用化学）、システムデザイン（情報科学、航空宇宙システム工、インダストリアルアート）、健康福祉</t>
    <rPh sb="0" eb="2">
      <t>トシ</t>
    </rPh>
    <rPh sb="2" eb="4">
      <t>カンキョウ</t>
    </rPh>
    <rPh sb="5" eb="7">
      <t>チリ</t>
    </rPh>
    <rPh sb="7" eb="9">
      <t>カンキョウ</t>
    </rPh>
    <rPh sb="10" eb="14">
      <t>トシキバン</t>
    </rPh>
    <rPh sb="14" eb="16">
      <t>カンキョウ</t>
    </rPh>
    <rPh sb="17" eb="19">
      <t>ケンチク</t>
    </rPh>
    <rPh sb="20" eb="24">
      <t>カンキョウオウヨウ</t>
    </rPh>
    <rPh sb="24" eb="26">
      <t>カガク</t>
    </rPh>
    <rPh sb="37" eb="39">
      <t>ジョウホウ</t>
    </rPh>
    <rPh sb="39" eb="41">
      <t>カガク</t>
    </rPh>
    <rPh sb="42" eb="46">
      <t>コウクウウチュウ</t>
    </rPh>
    <rPh sb="50" eb="51">
      <t>コウ</t>
    </rPh>
    <phoneticPr fontId="4"/>
  </si>
  <si>
    <t>共通テスト「外国語」の得点に換算（高得点の方を利用）
TOEICはS&amp;Wのスコアを2.5倍にして合算
※リンガスキルの利用可</t>
    <rPh sb="0" eb="2">
      <t>キョウツウ</t>
    </rPh>
    <rPh sb="6" eb="9">
      <t>ガイコクゴ</t>
    </rPh>
    <rPh sb="59" eb="62">
      <t>リヨウカ</t>
    </rPh>
    <phoneticPr fontId="4"/>
  </si>
  <si>
    <t>個別試験「英語」の得点を満点とみなす
TOEICはS&amp;Wのスコアを2.5倍にして合算</t>
    <rPh sb="0" eb="2">
      <t>コベツ</t>
    </rPh>
    <rPh sb="2" eb="4">
      <t>シケン</t>
    </rPh>
    <phoneticPr fontId="4"/>
  </si>
  <si>
    <t>活動実績表の評価に含む</t>
    <rPh sb="0" eb="5">
      <t>カツドウジッセキヒョウ</t>
    </rPh>
    <rPh sb="6" eb="8">
      <t>ヒョウカ</t>
    </rPh>
    <rPh sb="9" eb="10">
      <t>フク</t>
    </rPh>
    <phoneticPr fontId="4"/>
  </si>
  <si>
    <t>個別試験の得点に加点（40～100点）</t>
    <rPh sb="0" eb="4">
      <t>コベツシケン</t>
    </rPh>
    <rPh sb="5" eb="7">
      <t>トクテン</t>
    </rPh>
    <rPh sb="8" eb="10">
      <t>カテン</t>
    </rPh>
    <rPh sb="17" eb="18">
      <t>テン</t>
    </rPh>
    <phoneticPr fontId="4"/>
  </si>
  <si>
    <t>総点に加点（最大10点）</t>
    <rPh sb="0" eb="2">
      <t>ソウテン</t>
    </rPh>
    <rPh sb="3" eb="5">
      <t>カテン</t>
    </rPh>
    <rPh sb="6" eb="8">
      <t>サイダイ</t>
    </rPh>
    <rPh sb="10" eb="11">
      <t>テン</t>
    </rPh>
    <phoneticPr fontId="25"/>
  </si>
  <si>
    <t>個別試験「英語」の得点に換算（60～90点）（受験した場合は高得点の方を利用）</t>
    <rPh sb="0" eb="4">
      <t>コベツシケン</t>
    </rPh>
    <rPh sb="5" eb="7">
      <t>エイゴ</t>
    </rPh>
    <rPh sb="9" eb="11">
      <t>トクテン</t>
    </rPh>
    <rPh sb="12" eb="14">
      <t>カンサン</t>
    </rPh>
    <rPh sb="20" eb="21">
      <t>テン</t>
    </rPh>
    <rPh sb="23" eb="25">
      <t>ジュケン</t>
    </rPh>
    <rPh sb="27" eb="29">
      <t>バアイ</t>
    </rPh>
    <rPh sb="30" eb="33">
      <t>コウトクテン</t>
    </rPh>
    <rPh sb="34" eb="35">
      <t>ホウ</t>
    </rPh>
    <rPh sb="36" eb="38">
      <t>リヨウ</t>
    </rPh>
    <phoneticPr fontId="4"/>
  </si>
  <si>
    <t>個別試験「英語」の得点に換算（80～90％）（受験した場合は高得点の方を利用）
TOEICはS&amp;Wのスコアを2.5倍にして合算</t>
    <rPh sb="5" eb="7">
      <t>エイゴ</t>
    </rPh>
    <phoneticPr fontId="4"/>
  </si>
  <si>
    <t>★</t>
    <phoneticPr fontId="4"/>
  </si>
  <si>
    <t>個別試験「英語」の得点に換算（30～100点）
※表中のスコア以下は全て30点換算
英検は２級以上受検者が対象</t>
    <rPh sb="0" eb="2">
      <t>コベツ</t>
    </rPh>
    <rPh sb="2" eb="4">
      <t>シケン</t>
    </rPh>
    <rPh sb="5" eb="7">
      <t>エイゴ</t>
    </rPh>
    <rPh sb="9" eb="11">
      <t>トクテン</t>
    </rPh>
    <rPh sb="12" eb="14">
      <t>カンサン</t>
    </rPh>
    <rPh sb="21" eb="22">
      <t>テン</t>
    </rPh>
    <rPh sb="25" eb="27">
      <t>ヒョウチュウ</t>
    </rPh>
    <rPh sb="31" eb="33">
      <t>イカ</t>
    </rPh>
    <rPh sb="34" eb="35">
      <t>スベ</t>
    </rPh>
    <rPh sb="38" eb="39">
      <t>テン</t>
    </rPh>
    <rPh sb="39" eb="41">
      <t>カンサン</t>
    </rPh>
    <rPh sb="42" eb="44">
      <t>エイケン</t>
    </rPh>
    <rPh sb="46" eb="49">
      <t>キュウイジョウ</t>
    </rPh>
    <rPh sb="49" eb="52">
      <t>ジュケンシャ</t>
    </rPh>
    <rPh sb="51" eb="52">
      <t>シャ</t>
    </rPh>
    <rPh sb="53" eb="55">
      <t>タイショウ</t>
    </rPh>
    <phoneticPr fontId="21"/>
  </si>
  <si>
    <t>1699
※</t>
    <phoneticPr fontId="4"/>
  </si>
  <si>
    <t>689
CBT
※</t>
    <phoneticPr fontId="4"/>
  </si>
  <si>
    <t>3.5
※</t>
    <phoneticPr fontId="4"/>
  </si>
  <si>
    <t>134
※</t>
    <phoneticPr fontId="4"/>
  </si>
  <si>
    <t>個別試験「英語」の得点に換算（50～90点）（個別試験「英語」の受験は必須、高得点の方を利用）</t>
    <rPh sb="0" eb="4">
      <t>コベツシケン</t>
    </rPh>
    <rPh sb="5" eb="7">
      <t>エイゴ</t>
    </rPh>
    <rPh sb="9" eb="11">
      <t>トクテン</t>
    </rPh>
    <rPh sb="12" eb="14">
      <t>カンサン</t>
    </rPh>
    <rPh sb="20" eb="21">
      <t>テン</t>
    </rPh>
    <phoneticPr fontId="4"/>
  </si>
  <si>
    <t>仏教</t>
    <rPh sb="0" eb="2">
      <t>ブッキョウ</t>
    </rPh>
    <phoneticPr fontId="4"/>
  </si>
  <si>
    <t>一般入学試験Ａ</t>
    <rPh sb="0" eb="6">
      <t>イッパンニュウガクシケン</t>
    </rPh>
    <phoneticPr fontId="4"/>
  </si>
  <si>
    <t>全学部（看護を除く）</t>
    <rPh sb="0" eb="3">
      <t>ゼンガクブ</t>
    </rPh>
    <rPh sb="4" eb="6">
      <t>カンゴ</t>
    </rPh>
    <rPh sb="7" eb="8">
      <t>ノゾ</t>
    </rPh>
    <phoneticPr fontId="4"/>
  </si>
  <si>
    <t>大学が別途定めるスコアを満たす場合は、個別試験の得点に加点（10または20点※学部ごとに異なる）</t>
    <rPh sb="0" eb="2">
      <t>ダイガク</t>
    </rPh>
    <rPh sb="3" eb="5">
      <t>ベット</t>
    </rPh>
    <rPh sb="5" eb="6">
      <t>サダ</t>
    </rPh>
    <rPh sb="12" eb="13">
      <t>ミ</t>
    </rPh>
    <rPh sb="15" eb="17">
      <t>バアイ</t>
    </rPh>
    <rPh sb="19" eb="21">
      <t>コベツ</t>
    </rPh>
    <rPh sb="21" eb="23">
      <t>シケン</t>
    </rPh>
    <rPh sb="24" eb="26">
      <t>トクテン</t>
    </rPh>
    <rPh sb="27" eb="29">
      <t>カテン</t>
    </rPh>
    <rPh sb="37" eb="38">
      <t>テン</t>
    </rPh>
    <rPh sb="39" eb="41">
      <t>ガクブ</t>
    </rPh>
    <rPh sb="44" eb="45">
      <t>コト</t>
    </rPh>
    <phoneticPr fontId="4"/>
  </si>
  <si>
    <t>680
CBT</t>
    <phoneticPr fontId="4"/>
  </si>
  <si>
    <t>ビジネスマネジメント、リベラルアーツ</t>
    <phoneticPr fontId="4"/>
  </si>
  <si>
    <t>個別試験「英語」の得点に換算（60または80点）（受験した場合は高得点の方を利用）</t>
    <rPh sb="25" eb="27">
      <t>ジュケン</t>
    </rPh>
    <rPh sb="29" eb="31">
      <t>バアイ</t>
    </rPh>
    <rPh sb="32" eb="35">
      <t>コウトクテン</t>
    </rPh>
    <rPh sb="36" eb="37">
      <t>ホウ</t>
    </rPh>
    <rPh sb="38" eb="40">
      <t>リヨウ</t>
    </rPh>
    <phoneticPr fontId="4"/>
  </si>
  <si>
    <t>KET</t>
  </si>
  <si>
    <t>共通テスト「外国語（英語）」及び個別試験「外国語」両方の得点を満点とみなす（個別試験「外国語」の受験を免除）
TOEICはS&amp;Wのスコアを2.5倍にして合算</t>
    <rPh sb="0" eb="2">
      <t>キョウツウ</t>
    </rPh>
    <rPh sb="6" eb="9">
      <t>ガイコクゴ</t>
    </rPh>
    <rPh sb="10" eb="12">
      <t>エイゴ</t>
    </rPh>
    <rPh sb="14" eb="15">
      <t>オヨ</t>
    </rPh>
    <rPh sb="16" eb="20">
      <t>コベツシケン</t>
    </rPh>
    <rPh sb="21" eb="24">
      <t>ガイコクゴ</t>
    </rPh>
    <rPh sb="25" eb="27">
      <t>リョウホウ</t>
    </rPh>
    <rPh sb="28" eb="30">
      <t>トクテン</t>
    </rPh>
    <rPh sb="31" eb="33">
      <t>マンテン</t>
    </rPh>
    <rPh sb="38" eb="42">
      <t>コベツシケン</t>
    </rPh>
    <rPh sb="43" eb="46">
      <t>ガイコクゴ</t>
    </rPh>
    <rPh sb="48" eb="50">
      <t>ジュケン</t>
    </rPh>
    <rPh sb="51" eb="53">
      <t>メンジョ</t>
    </rPh>
    <phoneticPr fontId="4"/>
  </si>
  <si>
    <t>業績書に加点（最大４点）</t>
    <rPh sb="0" eb="3">
      <t>ギョウセキショ</t>
    </rPh>
    <rPh sb="4" eb="6">
      <t>カテン</t>
    </rPh>
    <rPh sb="7" eb="9">
      <t>サイダイ</t>
    </rPh>
    <rPh sb="10" eb="11">
      <t>テン</t>
    </rPh>
    <phoneticPr fontId="4"/>
  </si>
  <si>
    <t>個別試験「英語」の得点に換算（70～100点）（受験した場合は高得点の方を利用）</t>
    <phoneticPr fontId="4"/>
  </si>
  <si>
    <t>全学部（現代生活－食物栄養を除く）</t>
    <rPh sb="0" eb="3">
      <t>ゼンガクブ</t>
    </rPh>
    <rPh sb="4" eb="8">
      <t>ゲンダイセイカツ</t>
    </rPh>
    <rPh sb="9" eb="13">
      <t>ショクモツエイヨウ</t>
    </rPh>
    <phoneticPr fontId="4"/>
  </si>
  <si>
    <t>共通テスト「英語」の得点に換算（80または100点）（高得点の方を利用）</t>
    <rPh sb="0" eb="2">
      <t>キョウツウ</t>
    </rPh>
    <rPh sb="6" eb="8">
      <t>エイゴ</t>
    </rPh>
    <rPh sb="10" eb="12">
      <t>トクテン</t>
    </rPh>
    <rPh sb="13" eb="15">
      <t>カンザン</t>
    </rPh>
    <rPh sb="24" eb="25">
      <t>テン</t>
    </rPh>
    <rPh sb="27" eb="30">
      <t>コウトクテン</t>
    </rPh>
    <rPh sb="31" eb="32">
      <t>ホウ</t>
    </rPh>
    <rPh sb="33" eb="35">
      <t>リヨウ</t>
    </rPh>
    <phoneticPr fontId="4"/>
  </si>
  <si>
    <t>個別試験「英語」または共通テスト「外国語」の得点に加点（３～10点）</t>
    <rPh sb="0" eb="2">
      <t>コベツ</t>
    </rPh>
    <rPh sb="2" eb="4">
      <t>シケン</t>
    </rPh>
    <rPh sb="11" eb="13">
      <t>キョウツウ</t>
    </rPh>
    <rPh sb="17" eb="20">
      <t>ガイコクゴ</t>
    </rPh>
    <rPh sb="22" eb="24">
      <t>トクテン</t>
    </rPh>
    <phoneticPr fontId="4"/>
  </si>
  <si>
    <t>一般方式、英語重視方式、共通テスト方式、共通テスト併用方式、共通テスト＋面接方式</t>
    <rPh sb="0" eb="2">
      <t>イッパン</t>
    </rPh>
    <rPh sb="2" eb="4">
      <t>ホウシキ</t>
    </rPh>
    <rPh sb="5" eb="11">
      <t>エイゴジュウシホウシキ</t>
    </rPh>
    <phoneticPr fontId="4"/>
  </si>
  <si>
    <t>共通テスト「英語」の満点を上限に加点（10～30点）</t>
    <rPh sb="0" eb="2">
      <t>キョウツウ</t>
    </rPh>
    <rPh sb="6" eb="8">
      <t>エイゴ</t>
    </rPh>
    <rPh sb="10" eb="12">
      <t>マンテン</t>
    </rPh>
    <phoneticPr fontId="4"/>
  </si>
  <si>
    <t>2025年度入試 　英語資格・検定試験を利用する大学（一般選抜）</t>
    <rPh sb="4" eb="6">
      <t>ネンド</t>
    </rPh>
    <rPh sb="6" eb="8">
      <t>ニュウシ</t>
    </rPh>
    <rPh sb="10" eb="12">
      <t>エイゴ</t>
    </rPh>
    <rPh sb="12" eb="14">
      <t>シカク</t>
    </rPh>
    <rPh sb="15" eb="17">
      <t>ケンテイ</t>
    </rPh>
    <rPh sb="17" eb="19">
      <t>シケン</t>
    </rPh>
    <rPh sb="20" eb="22">
      <t>リヨウ</t>
    </rPh>
    <rPh sb="24" eb="26">
      <t>ダイガク</t>
    </rPh>
    <rPh sb="27" eb="31">
      <t>イッパンセンバツ</t>
    </rPh>
    <phoneticPr fontId="1"/>
  </si>
  <si>
    <t>【国公立大】</t>
  </si>
  <si>
    <t>個別試験「英語」の得点に換算（10～100点）（個別試験「英語」の受験は必須（個別試験「英語」または、（換算得点＋個別試験「英語」）÷２のうち高得点の方を利用））
TOEICはS&amp;Wのスコアを2.5倍にして合算</t>
    <rPh sb="0" eb="2">
      <t>コベツ</t>
    </rPh>
    <rPh sb="2" eb="4">
      <t>シケン</t>
    </rPh>
    <rPh sb="5" eb="7">
      <t>エイゴ</t>
    </rPh>
    <rPh sb="9" eb="11">
      <t>トクテン</t>
    </rPh>
    <rPh sb="12" eb="14">
      <t>カンサン</t>
    </rPh>
    <rPh sb="24" eb="26">
      <t>コベツ</t>
    </rPh>
    <rPh sb="26" eb="28">
      <t>シケン</t>
    </rPh>
    <rPh sb="29" eb="31">
      <t>エイゴ</t>
    </rPh>
    <rPh sb="33" eb="35">
      <t>ジュケン</t>
    </rPh>
    <rPh sb="36" eb="38">
      <t>ヒッス</t>
    </rPh>
    <rPh sb="39" eb="41">
      <t>コベツ</t>
    </rPh>
    <rPh sb="41" eb="43">
      <t>シケン</t>
    </rPh>
    <rPh sb="44" eb="46">
      <t>エイゴ</t>
    </rPh>
    <rPh sb="57" eb="61">
      <t>コベツシケン</t>
    </rPh>
    <rPh sb="62" eb="64">
      <t>エイゴ</t>
    </rPh>
    <rPh sb="71" eb="72">
      <t>コウ</t>
    </rPh>
    <rPh sb="72" eb="74">
      <t>トクテン</t>
    </rPh>
    <rPh sb="75" eb="76">
      <t>カタ</t>
    </rPh>
    <phoneticPr fontId="8"/>
  </si>
  <si>
    <t>共通テスト「外国語」の満点を上限に加点（30～50点）
TOEICはS&amp;Wのスコアを2.5倍にして合算</t>
    <rPh sb="6" eb="9">
      <t>ガイコクゴ</t>
    </rPh>
    <rPh sb="11" eb="13">
      <t>マンテン</t>
    </rPh>
    <rPh sb="14" eb="16">
      <t>ジョウゲン</t>
    </rPh>
    <rPh sb="17" eb="19">
      <t>カテン</t>
    </rPh>
    <rPh sb="25" eb="26">
      <t>テン</t>
    </rPh>
    <phoneticPr fontId="4"/>
  </si>
  <si>
    <t>共通テスト「英語」の得点に換算（共通テスト「英語」の受験は必須、高得点の方を利用）
英検は２級以上受検者が対象
※リンガスキル（140）の利用可</t>
    <rPh sb="0" eb="2">
      <t>キョウツウ</t>
    </rPh>
    <rPh sb="6" eb="8">
      <t>エイゴ</t>
    </rPh>
    <rPh sb="10" eb="12">
      <t>トクテン</t>
    </rPh>
    <rPh sb="13" eb="15">
      <t>カンサン</t>
    </rPh>
    <rPh sb="16" eb="18">
      <t>キョウツウ</t>
    </rPh>
    <rPh sb="22" eb="24">
      <t>エイゴ</t>
    </rPh>
    <rPh sb="26" eb="28">
      <t>ジュケン</t>
    </rPh>
    <rPh sb="29" eb="31">
      <t>ヒッス</t>
    </rPh>
    <rPh sb="38" eb="40">
      <t>リヨウ</t>
    </rPh>
    <phoneticPr fontId="4"/>
  </si>
  <si>
    <t>共通テストの満点を上限に加点（15または30点）
※2023年３月以前の成績利用時は1070</t>
    <rPh sb="0" eb="2">
      <t>キョウツウ</t>
    </rPh>
    <rPh sb="6" eb="8">
      <t>マンテン</t>
    </rPh>
    <rPh sb="9" eb="11">
      <t>ジョウゲン</t>
    </rPh>
    <rPh sb="12" eb="14">
      <t>カテン</t>
    </rPh>
    <rPh sb="22" eb="23">
      <t>テン</t>
    </rPh>
    <rPh sb="30" eb="31">
      <t>ネン</t>
    </rPh>
    <rPh sb="32" eb="33">
      <t>ガツ</t>
    </rPh>
    <rPh sb="33" eb="35">
      <t>イゼン</t>
    </rPh>
    <rPh sb="36" eb="38">
      <t>セイセキ</t>
    </rPh>
    <rPh sb="38" eb="40">
      <t>リヨウ</t>
    </rPh>
    <rPh sb="40" eb="41">
      <t>ジ</t>
    </rPh>
    <phoneticPr fontId="4"/>
  </si>
  <si>
    <t>教育（グロ－国際協働英語）</t>
    <rPh sb="0" eb="2">
      <t>キョウイク</t>
    </rPh>
    <rPh sb="6" eb="8">
      <t>コクサイ</t>
    </rPh>
    <rPh sb="8" eb="10">
      <t>キョウドウ</t>
    </rPh>
    <rPh sb="10" eb="12">
      <t>エイゴ</t>
    </rPh>
    <phoneticPr fontId="4"/>
  </si>
  <si>
    <t>個別試験「外国語」の得点に換算（240～400点）
TOEICはS&amp;Wのスコアを2.5倍にして合算
※2023年３月以前の成績利用時は960</t>
    <rPh sb="0" eb="2">
      <t>コベツ</t>
    </rPh>
    <rPh sb="2" eb="4">
      <t>シケン</t>
    </rPh>
    <rPh sb="5" eb="8">
      <t>ガイコクゴ</t>
    </rPh>
    <rPh sb="10" eb="12">
      <t>トクテン</t>
    </rPh>
    <rPh sb="13" eb="15">
      <t>カンサン</t>
    </rPh>
    <rPh sb="23" eb="24">
      <t>テン</t>
    </rPh>
    <rPh sb="58" eb="60">
      <t>イゼン</t>
    </rPh>
    <phoneticPr fontId="4"/>
  </si>
  <si>
    <t>個別試験「外国語」の得点に換算（80～200点）
TOEICはS&amp;Wのスコアを2.5倍にして合算
※2023年３月以前の成績利用時は690</t>
    <rPh sb="0" eb="2">
      <t>コベツ</t>
    </rPh>
    <rPh sb="2" eb="4">
      <t>シケン</t>
    </rPh>
    <rPh sb="5" eb="8">
      <t>ガイコクゴ</t>
    </rPh>
    <rPh sb="10" eb="12">
      <t>トクテン</t>
    </rPh>
    <rPh sb="13" eb="15">
      <t>カンサン</t>
    </rPh>
    <rPh sb="22" eb="23">
      <t>テン</t>
    </rPh>
    <phoneticPr fontId="4"/>
  </si>
  <si>
    <t>930
CBT
※2</t>
    <phoneticPr fontId="4"/>
  </si>
  <si>
    <t>TOEICはS&amp;Wのスコアを2.5倍にして合算
※1 リンガスキル（140）の利用可
※2 2023年３月以前の成績利用時は960</t>
    <rPh sb="39" eb="42">
      <t>リヨウカ</t>
    </rPh>
    <rPh sb="50" eb="51">
      <t>ネン</t>
    </rPh>
    <rPh sb="52" eb="53">
      <t>ガツ</t>
    </rPh>
    <rPh sb="53" eb="55">
      <t>イゼン</t>
    </rPh>
    <rPh sb="56" eb="61">
      <t>セイセキリヨウジ</t>
    </rPh>
    <phoneticPr fontId="4"/>
  </si>
  <si>
    <t>118
※</t>
    <phoneticPr fontId="4"/>
  </si>
  <si>
    <t>共通テスト「外国語」の得点に換算（10～100％）（共通テスト「外国語」の受験は必須、高得点の方を利用）
TOEICはS&amp;Wのスコアを2.5倍にして合算
※リンガスキルの利用可</t>
    <rPh sb="0" eb="2">
      <t>キョウツウ</t>
    </rPh>
    <rPh sb="6" eb="9">
      <t>ガイコクゴ</t>
    </rPh>
    <rPh sb="11" eb="13">
      <t>トクテン</t>
    </rPh>
    <rPh sb="14" eb="16">
      <t>カンサン</t>
    </rPh>
    <rPh sb="26" eb="28">
      <t>キョウツウ</t>
    </rPh>
    <rPh sb="32" eb="35">
      <t>ガイコクゴ</t>
    </rPh>
    <rPh sb="37" eb="39">
      <t>ジュケン</t>
    </rPh>
    <rPh sb="40" eb="42">
      <t>ヒッス</t>
    </rPh>
    <rPh sb="43" eb="46">
      <t>コウトクテン</t>
    </rPh>
    <rPh sb="47" eb="48">
      <t>カタ</t>
    </rPh>
    <rPh sb="49" eb="51">
      <t>リヨウ</t>
    </rPh>
    <rPh sb="70" eb="71">
      <t>バイ</t>
    </rPh>
    <rPh sb="74" eb="76">
      <t>ガッサン</t>
    </rPh>
    <phoneticPr fontId="4"/>
  </si>
  <si>
    <t>個別試験「外国語」または共通テスト「英語」の得点に換算（70～100点）（受験した場合は高得点の方を利用）
TOEICはS&amp;Wのスコアを2.5倍にして合算
※2023年３月以前の成績利用時は700</t>
    <rPh sb="5" eb="8">
      <t>ガイコクゴ</t>
    </rPh>
    <rPh sb="12" eb="14">
      <t>キョウツウ</t>
    </rPh>
    <rPh sb="18" eb="20">
      <t>エイゴ</t>
    </rPh>
    <phoneticPr fontId="4"/>
  </si>
  <si>
    <t>個別試験「英語」の得点に換算（40～100点）（個別試験「英語」の受験は必須、高得点の方を利用）
TOEICはS&amp;Wのスコアを2.5倍にして合算</t>
    <rPh sb="24" eb="28">
      <t>コベツシケン</t>
    </rPh>
    <rPh sb="29" eb="31">
      <t>エイゴ</t>
    </rPh>
    <rPh sb="33" eb="35">
      <t>ジュケン</t>
    </rPh>
    <rPh sb="36" eb="38">
      <t>ヒッス</t>
    </rPh>
    <phoneticPr fontId="4"/>
  </si>
  <si>
    <t>個別試験「英語」の得点に換算（60～100点）（個別試験「英語」の受験は必須、高得点の方を利用）
※2023年３月以前の成績利用時は690</t>
    <rPh sb="0" eb="4">
      <t>コベツシケン</t>
    </rPh>
    <rPh sb="5" eb="7">
      <t>エイゴ</t>
    </rPh>
    <rPh sb="9" eb="11">
      <t>トクテン</t>
    </rPh>
    <rPh sb="12" eb="14">
      <t>カンザン</t>
    </rPh>
    <rPh sb="21" eb="22">
      <t>テン</t>
    </rPh>
    <rPh sb="24" eb="28">
      <t>コベツシケン</t>
    </rPh>
    <rPh sb="29" eb="31">
      <t>エイゴ</t>
    </rPh>
    <rPh sb="33" eb="35">
      <t>ジュケン</t>
    </rPh>
    <rPh sb="36" eb="38">
      <t>ヒッス</t>
    </rPh>
    <rPh sb="39" eb="42">
      <t>コウトクテン</t>
    </rPh>
    <rPh sb="43" eb="44">
      <t>ホウ</t>
    </rPh>
    <rPh sb="45" eb="47">
      <t>リヨウ</t>
    </rPh>
    <phoneticPr fontId="4"/>
  </si>
  <si>
    <t>個別試験「英語」の得点に換算（85または100点）（受験した場合は高得点の方を利用）
※2023年３月以前の成績利用時は690</t>
    <rPh sb="0" eb="4">
      <t>コベツシケン</t>
    </rPh>
    <rPh sb="5" eb="7">
      <t>エイゴ</t>
    </rPh>
    <rPh sb="9" eb="11">
      <t>トクテン</t>
    </rPh>
    <rPh sb="12" eb="14">
      <t>カンザン</t>
    </rPh>
    <rPh sb="23" eb="24">
      <t>テン</t>
    </rPh>
    <rPh sb="26" eb="28">
      <t>ジュケン</t>
    </rPh>
    <rPh sb="30" eb="32">
      <t>バアイ</t>
    </rPh>
    <rPh sb="33" eb="36">
      <t>コウトクテン</t>
    </rPh>
    <rPh sb="37" eb="38">
      <t>ホウ</t>
    </rPh>
    <rPh sb="39" eb="41">
      <t>リヨウ</t>
    </rPh>
    <rPh sb="48" eb="49">
      <t>ネン</t>
    </rPh>
    <rPh sb="50" eb="51">
      <t>ガツ</t>
    </rPh>
    <rPh sb="51" eb="53">
      <t>イゼン</t>
    </rPh>
    <phoneticPr fontId="4"/>
  </si>
  <si>
    <t>個別試験または共通テスト「英語」の得点に換算（80または100点）（受験した場合は高得点の方を利用）
※2023年３月以前の成績利用時は960</t>
    <rPh sb="7" eb="9">
      <t>キョウツウ</t>
    </rPh>
    <phoneticPr fontId="4"/>
  </si>
  <si>
    <t>一般選抜（Ⅰ期）</t>
    <rPh sb="0" eb="4">
      <t>イッパンセンバツ</t>
    </rPh>
    <rPh sb="6" eb="7">
      <t>キ</t>
    </rPh>
    <phoneticPr fontId="4"/>
  </si>
  <si>
    <t>個別試験「英語」の得点に換算（65～100点）（Ａ日程は個別試験「英語」の受験は必須、高得点の方を利用、Ｂ日程は個別試験の受験を免除）</t>
    <rPh sb="0" eb="2">
      <t>コベツ</t>
    </rPh>
    <rPh sb="2" eb="4">
      <t>シケン</t>
    </rPh>
    <rPh sb="5" eb="7">
      <t>エイゴ</t>
    </rPh>
    <rPh sb="9" eb="11">
      <t>トクテン</t>
    </rPh>
    <rPh sb="12" eb="14">
      <t>カンザン</t>
    </rPh>
    <rPh sb="21" eb="22">
      <t>テン</t>
    </rPh>
    <rPh sb="25" eb="27">
      <t>ニッテイ</t>
    </rPh>
    <rPh sb="28" eb="32">
      <t>コベツシケン</t>
    </rPh>
    <rPh sb="33" eb="35">
      <t>エイゴ</t>
    </rPh>
    <rPh sb="37" eb="39">
      <t>ジュケン</t>
    </rPh>
    <rPh sb="40" eb="42">
      <t>ヒッス</t>
    </rPh>
    <rPh sb="43" eb="46">
      <t>コウトクテン</t>
    </rPh>
    <rPh sb="47" eb="48">
      <t>ホウ</t>
    </rPh>
    <rPh sb="49" eb="51">
      <t>リヨウ</t>
    </rPh>
    <rPh sb="53" eb="55">
      <t>ニッテイ</t>
    </rPh>
    <rPh sb="56" eb="58">
      <t>コベツ</t>
    </rPh>
    <rPh sb="58" eb="60">
      <t>シケン</t>
    </rPh>
    <rPh sb="61" eb="63">
      <t>ジュケン</t>
    </rPh>
    <rPh sb="64" eb="66">
      <t>メンジョ</t>
    </rPh>
    <phoneticPr fontId="4"/>
  </si>
  <si>
    <t>一般選抜（Ａ・Ｂ・Ｃ・Ｄ日程）</t>
    <rPh sb="0" eb="4">
      <t>イッパンセンバツ</t>
    </rPh>
    <rPh sb="12" eb="14">
      <t>ニッテイ</t>
    </rPh>
    <phoneticPr fontId="4"/>
  </si>
  <si>
    <t>個別試験「英語」の得点に換算（70～100点）（個別試験「英語」の受験は必須、高得点の方を利用）
TOEICは他に技能ごとの基準あり</t>
    <rPh sb="0" eb="4">
      <t>コベツシケン</t>
    </rPh>
    <rPh sb="5" eb="7">
      <t>エイゴ</t>
    </rPh>
    <rPh sb="9" eb="11">
      <t>トクテン</t>
    </rPh>
    <rPh sb="12" eb="14">
      <t>カンサン</t>
    </rPh>
    <rPh sb="21" eb="22">
      <t>テン</t>
    </rPh>
    <rPh sb="24" eb="26">
      <t>コベツ</t>
    </rPh>
    <rPh sb="26" eb="28">
      <t>シケン</t>
    </rPh>
    <rPh sb="29" eb="31">
      <t>エイゴ</t>
    </rPh>
    <rPh sb="33" eb="35">
      <t>ジュケン</t>
    </rPh>
    <rPh sb="36" eb="38">
      <t>ヒッス</t>
    </rPh>
    <phoneticPr fontId="4"/>
  </si>
  <si>
    <t>TOEICはS&amp;Wのスコアを2.5倍にして合算
※リンガスキル（120）の利用可
※2023年３月以前の成績利用時は690</t>
    <rPh sb="17" eb="18">
      <t>バイ</t>
    </rPh>
    <rPh sb="21" eb="23">
      <t>ガッサン</t>
    </rPh>
    <rPh sb="37" eb="40">
      <t>リヨウカ</t>
    </rPh>
    <phoneticPr fontId="4"/>
  </si>
  <si>
    <t>個別試験「英語」を満点とみなす（個別試験「英語」の試験を免除）</t>
    <rPh sb="0" eb="2">
      <t>コベツ</t>
    </rPh>
    <rPh sb="2" eb="4">
      <t>シケン</t>
    </rPh>
    <rPh sb="5" eb="7">
      <t>エイゴ</t>
    </rPh>
    <rPh sb="9" eb="11">
      <t>マンテン</t>
    </rPh>
    <rPh sb="16" eb="20">
      <t>コベツシケン</t>
    </rPh>
    <rPh sb="21" eb="23">
      <t>エイゴ</t>
    </rPh>
    <rPh sb="25" eb="27">
      <t>シケン</t>
    </rPh>
    <rPh sb="28" eb="30">
      <t>メンジョ</t>
    </rPh>
    <phoneticPr fontId="25"/>
  </si>
  <si>
    <t>個別試験「英語」の得点に換算（70～100点）（受験した場合は高得点の方を利用）
TOEICはS&amp;Wのスコアを2.5倍にして合算
※2023年３月以前の成績利用時は690</t>
    <rPh sb="24" eb="26">
      <t>ジュケン</t>
    </rPh>
    <rPh sb="28" eb="30">
      <t>バアイ</t>
    </rPh>
    <rPh sb="70" eb="71">
      <t>ネン</t>
    </rPh>
    <rPh sb="72" eb="73">
      <t>ガツ</t>
    </rPh>
    <rPh sb="73" eb="75">
      <t>イゼン</t>
    </rPh>
    <rPh sb="76" eb="78">
      <t>セイセキ</t>
    </rPh>
    <rPh sb="78" eb="81">
      <t>リヨウジ</t>
    </rPh>
    <phoneticPr fontId="4"/>
  </si>
  <si>
    <t>共通テスト「英語」の満点を上限に加点（５～20点）
TOEICはS&amp;Wのスコアを2.5倍にして合算
※2023年３月以前の成績利用時は690</t>
    <rPh sb="0" eb="2">
      <t>キョウツウ</t>
    </rPh>
    <rPh sb="10" eb="12">
      <t>マンテン</t>
    </rPh>
    <rPh sb="13" eb="15">
      <t>ジョウゲン</t>
    </rPh>
    <rPh sb="16" eb="18">
      <t>カテン</t>
    </rPh>
    <phoneticPr fontId="4"/>
  </si>
  <si>
    <t>一般選抜、共通テスト利用（外部試験利用方式）</t>
    <rPh sb="0" eb="2">
      <t>イッパン</t>
    </rPh>
    <rPh sb="2" eb="4">
      <t>センバツ</t>
    </rPh>
    <rPh sb="5" eb="7">
      <t>キョウツウ</t>
    </rPh>
    <rPh sb="10" eb="12">
      <t>リヨウ</t>
    </rPh>
    <rPh sb="13" eb="15">
      <t>ガイブ</t>
    </rPh>
    <rPh sb="15" eb="17">
      <t>シケン</t>
    </rPh>
    <rPh sb="17" eb="19">
      <t>リヨウ</t>
    </rPh>
    <rPh sb="19" eb="21">
      <t>ホウシキ</t>
    </rPh>
    <phoneticPr fontId="4"/>
  </si>
  <si>
    <t>個別試験または共通テストの得点に加点（70～100点）</t>
    <rPh sb="0" eb="4">
      <t>コベツシケン</t>
    </rPh>
    <rPh sb="7" eb="9">
      <t>キョウツウ</t>
    </rPh>
    <rPh sb="13" eb="15">
      <t>トクテン</t>
    </rPh>
    <rPh sb="16" eb="18">
      <t>カテン</t>
    </rPh>
    <rPh sb="25" eb="26">
      <t>テン</t>
    </rPh>
    <phoneticPr fontId="4"/>
  </si>
  <si>
    <t>個別試験の得点に加点（100～200点）または共通テスト「英語」の得点に換算（100～200点）（受験した場合は高得点の方を利用）
TOEICはS&amp;Wのスコアを2.5倍にして合算
※リンガスキルの利用可</t>
    <rPh sb="0" eb="4">
      <t>コベツシケン</t>
    </rPh>
    <rPh sb="5" eb="7">
      <t>トクテン</t>
    </rPh>
    <rPh sb="8" eb="10">
      <t>カテン</t>
    </rPh>
    <rPh sb="18" eb="19">
      <t>テン</t>
    </rPh>
    <rPh sb="23" eb="25">
      <t>キョウツウ</t>
    </rPh>
    <rPh sb="29" eb="31">
      <t>エイゴ</t>
    </rPh>
    <rPh sb="33" eb="35">
      <t>トクテン</t>
    </rPh>
    <rPh sb="36" eb="38">
      <t>カンサン</t>
    </rPh>
    <rPh sb="46" eb="47">
      <t>テン</t>
    </rPh>
    <phoneticPr fontId="4"/>
  </si>
  <si>
    <t>一般選抜個別試験型（３科目・給費生選抜）、共通テスト型（３科目・給費生選抜、４科目・給費生選抜）</t>
    <rPh sb="0" eb="4">
      <t>イッパンセンバツ</t>
    </rPh>
    <rPh sb="4" eb="6">
      <t>コベツ</t>
    </rPh>
    <rPh sb="6" eb="8">
      <t>シケン</t>
    </rPh>
    <rPh sb="8" eb="9">
      <t>ガタ</t>
    </rPh>
    <rPh sb="21" eb="23">
      <t>キョウツウ</t>
    </rPh>
    <rPh sb="26" eb="27">
      <t>ガタ</t>
    </rPh>
    <rPh sb="29" eb="31">
      <t>カモク</t>
    </rPh>
    <rPh sb="32" eb="34">
      <t>キュウヒ</t>
    </rPh>
    <rPh sb="34" eb="35">
      <t>セイ</t>
    </rPh>
    <rPh sb="35" eb="37">
      <t>センバツ</t>
    </rPh>
    <rPh sb="39" eb="41">
      <t>カモク</t>
    </rPh>
    <rPh sb="42" eb="44">
      <t>キュウヒ</t>
    </rPh>
    <rPh sb="44" eb="45">
      <t>セイ</t>
    </rPh>
    <rPh sb="45" eb="47">
      <t>センバツ</t>
    </rPh>
    <phoneticPr fontId="25"/>
  </si>
  <si>
    <t>個別試験または共通テスト「英語」の得点に換算（70～100点）（受験した場合は高得点の方を利用）
英検は準２級合格または２級以上受検者が対象
TOEICはS&amp;Wのスコアを2.5倍にして合算
※2023年３月以前の成績利用時は690</t>
    <rPh sb="7" eb="9">
      <t>キョウツウ</t>
    </rPh>
    <rPh sb="49" eb="51">
      <t>エイケン</t>
    </rPh>
    <rPh sb="52" eb="53">
      <t>ジュン</t>
    </rPh>
    <rPh sb="54" eb="55">
      <t>キュウ</t>
    </rPh>
    <rPh sb="55" eb="57">
      <t>ゴウカク</t>
    </rPh>
    <rPh sb="61" eb="62">
      <t>キュウ</t>
    </rPh>
    <rPh sb="62" eb="64">
      <t>イジョウ</t>
    </rPh>
    <rPh sb="64" eb="66">
      <t>ジュケン</t>
    </rPh>
    <rPh sb="66" eb="67">
      <t>シャ</t>
    </rPh>
    <rPh sb="68" eb="70">
      <t>タイショウ</t>
    </rPh>
    <rPh sb="106" eb="111">
      <t>セイセキリヨウジ</t>
    </rPh>
    <phoneticPr fontId="25"/>
  </si>
  <si>
    <t>個別試験または共通テスト「英語」の得点に換算（80または100点）（受験した場合は高得点の方を利用、共通テスト利用選抜は共通テスト「英語」の受験は必須）</t>
    <rPh sb="7" eb="9">
      <t>キョウツウ</t>
    </rPh>
    <rPh sb="31" eb="32">
      <t>テン</t>
    </rPh>
    <rPh sb="34" eb="36">
      <t>ジュケン</t>
    </rPh>
    <rPh sb="38" eb="40">
      <t>バアイ</t>
    </rPh>
    <rPh sb="41" eb="44">
      <t>コウトクテン</t>
    </rPh>
    <rPh sb="45" eb="46">
      <t>ホウ</t>
    </rPh>
    <rPh sb="47" eb="49">
      <t>リヨウ</t>
    </rPh>
    <rPh sb="50" eb="52">
      <t>キョウツウ</t>
    </rPh>
    <rPh sb="55" eb="59">
      <t>リヨウセンバツ</t>
    </rPh>
    <rPh sb="60" eb="62">
      <t>キョウツウ</t>
    </rPh>
    <rPh sb="66" eb="68">
      <t>エイゴ</t>
    </rPh>
    <rPh sb="70" eb="72">
      <t>ジュケン</t>
    </rPh>
    <rPh sb="73" eb="75">
      <t>ヒッス</t>
    </rPh>
    <phoneticPr fontId="4"/>
  </si>
  <si>
    <t>個別試験または共通テスト「英語」の得点に換算（80または100％）（受験した場合は高得点の方を利用）
TOEICはS&amp;Wのスコアを2.5倍にして合算
※2023年３月以前の成績利用時は960</t>
    <rPh sb="0" eb="2">
      <t>コベツ</t>
    </rPh>
    <rPh sb="2" eb="4">
      <t>シケン</t>
    </rPh>
    <rPh sb="83" eb="85">
      <t>イゼン</t>
    </rPh>
    <rPh sb="86" eb="88">
      <t>セイセキ</t>
    </rPh>
    <phoneticPr fontId="18"/>
  </si>
  <si>
    <t>個別試験「英語」の得点に換算（100～150点）（英語筆記試験の受験は不要）
TOEFL iBTはMyBestスコアも利用可
※リンガスキルの利用可</t>
    <rPh sb="0" eb="2">
      <t>コベツ</t>
    </rPh>
    <rPh sb="2" eb="4">
      <t>シケン</t>
    </rPh>
    <rPh sb="5" eb="7">
      <t>エイゴ</t>
    </rPh>
    <rPh sb="9" eb="11">
      <t>トクテン</t>
    </rPh>
    <rPh sb="12" eb="14">
      <t>カンサン</t>
    </rPh>
    <rPh sb="25" eb="27">
      <t>エイゴ</t>
    </rPh>
    <rPh sb="27" eb="29">
      <t>ヒッキ</t>
    </rPh>
    <rPh sb="29" eb="31">
      <t>シケン</t>
    </rPh>
    <rPh sb="32" eb="34">
      <t>ジュケン</t>
    </rPh>
    <rPh sb="35" eb="37">
      <t>フヨウ</t>
    </rPh>
    <rPh sb="71" eb="73">
      <t>リヨウ</t>
    </rPh>
    <rPh sb="73" eb="74">
      <t>カ</t>
    </rPh>
    <phoneticPr fontId="4"/>
  </si>
  <si>
    <t>TOEFL iBTはMyBestスコアも利用可
※リンガスキルの利用可</t>
    <phoneticPr fontId="4"/>
  </si>
  <si>
    <t>全学部（文－日本文、中国文を除く）</t>
    <rPh sb="0" eb="3">
      <t>ゼンガクブ</t>
    </rPh>
    <rPh sb="4" eb="5">
      <t>ブン</t>
    </rPh>
    <rPh sb="6" eb="9">
      <t>ニホンブン</t>
    </rPh>
    <rPh sb="10" eb="13">
      <t>チュウゴクブン</t>
    </rPh>
    <phoneticPr fontId="4"/>
  </si>
  <si>
    <t>個別試験「英語」の満点を上限に加点（４～16点）（個別試験「英語」の受験は必須）
※1 リンガスキル（140）の利用可
※2 2023年３月以前の成績利用時は960</t>
    <rPh sb="0" eb="2">
      <t>コベツ</t>
    </rPh>
    <rPh sb="2" eb="4">
      <t>シケン</t>
    </rPh>
    <rPh sb="5" eb="7">
      <t>エイゴ</t>
    </rPh>
    <rPh sb="9" eb="11">
      <t>マンテン</t>
    </rPh>
    <rPh sb="12" eb="14">
      <t>ジョウゲン</t>
    </rPh>
    <rPh sb="15" eb="17">
      <t>カテン</t>
    </rPh>
    <rPh sb="22" eb="23">
      <t>テン</t>
    </rPh>
    <rPh sb="56" eb="59">
      <t>リヨウカ</t>
    </rPh>
    <rPh sb="67" eb="68">
      <t>ネン</t>
    </rPh>
    <rPh sb="69" eb="70">
      <t>ガツ</t>
    </rPh>
    <rPh sb="70" eb="72">
      <t>イゼン</t>
    </rPh>
    <phoneticPr fontId="4"/>
  </si>
  <si>
    <t>個別試験「英語」の得点に換算（80～100点）（個別試験「英語」の受験を免除）
共通テスト「英語」の得点に換算（80～100点）（高得点の方を利用）
※Ⅱ類型は資格・検定試験の受験歴も評価の対象とする</t>
    <rPh sb="36" eb="38">
      <t>メンジョ</t>
    </rPh>
    <rPh sb="40" eb="42">
      <t>キョウツウ</t>
    </rPh>
    <rPh sb="65" eb="68">
      <t>コウトクテン</t>
    </rPh>
    <rPh sb="69" eb="70">
      <t>ホウ</t>
    </rPh>
    <rPh sb="71" eb="73">
      <t>リヨウ</t>
    </rPh>
    <rPh sb="77" eb="79">
      <t>ルイガタ</t>
    </rPh>
    <rPh sb="80" eb="82">
      <t>シカク</t>
    </rPh>
    <rPh sb="83" eb="87">
      <t>ケンテイシケン</t>
    </rPh>
    <rPh sb="88" eb="91">
      <t>ジュケンレキ</t>
    </rPh>
    <rPh sb="92" eb="94">
      <t>ヒョウカ</t>
    </rPh>
    <rPh sb="95" eb="97">
      <t>タイショウ</t>
    </rPh>
    <phoneticPr fontId="4"/>
  </si>
  <si>
    <t>一般選抜（前期Ⅱ）</t>
    <rPh sb="0" eb="4">
      <t>イッパンセンバツ</t>
    </rPh>
    <phoneticPr fontId="4"/>
  </si>
  <si>
    <t>個別試験「英語」の得点に換算（70～100点）（受験した場合は高得点の方を利用、ベスト２選考を追加する場合は個別試験「英語」の受験は必須）</t>
    <rPh sb="0" eb="2">
      <t>コベツ</t>
    </rPh>
    <rPh sb="2" eb="4">
      <t>シケン</t>
    </rPh>
    <rPh sb="5" eb="7">
      <t>エイゴ</t>
    </rPh>
    <rPh sb="9" eb="11">
      <t>トクテン</t>
    </rPh>
    <rPh sb="12" eb="14">
      <t>カンサン</t>
    </rPh>
    <rPh sb="21" eb="22">
      <t>テン</t>
    </rPh>
    <rPh sb="24" eb="26">
      <t>ジュケン</t>
    </rPh>
    <rPh sb="28" eb="30">
      <t>バアイ</t>
    </rPh>
    <rPh sb="44" eb="46">
      <t>センコウ</t>
    </rPh>
    <rPh sb="47" eb="49">
      <t>ツイカ</t>
    </rPh>
    <rPh sb="51" eb="53">
      <t>バアイ</t>
    </rPh>
    <rPh sb="54" eb="58">
      <t>コベツシケン</t>
    </rPh>
    <rPh sb="59" eb="61">
      <t>エイゴ</t>
    </rPh>
    <rPh sb="63" eb="65">
      <t>ジュケン</t>
    </rPh>
    <rPh sb="66" eb="68">
      <t>ヒッス</t>
    </rPh>
    <phoneticPr fontId="4"/>
  </si>
  <si>
    <t>活動評価の得点に加点（20点）
英検は２級以上受検者が対象
TOEICは他に技能ごとの基準あり、S&amp;Wのスコアを2.5倍にして合算</t>
    <rPh sb="0" eb="4">
      <t>カツドウヒョウカ</t>
    </rPh>
    <rPh sb="5" eb="7">
      <t>トクテン</t>
    </rPh>
    <rPh sb="8" eb="10">
      <t>カテン</t>
    </rPh>
    <rPh sb="13" eb="14">
      <t>テン</t>
    </rPh>
    <rPh sb="16" eb="18">
      <t>エイケン</t>
    </rPh>
    <rPh sb="20" eb="21">
      <t>キュウ</t>
    </rPh>
    <rPh sb="21" eb="23">
      <t>イジョウ</t>
    </rPh>
    <rPh sb="23" eb="26">
      <t>ジュケンシャ</t>
    </rPh>
    <rPh sb="27" eb="29">
      <t>タイショウ</t>
    </rPh>
    <phoneticPr fontId="4"/>
  </si>
  <si>
    <t>一般入学者選抜（前期日程Ａ方式、全学統一日程Ａ方式、後期日程）</t>
    <rPh sb="0" eb="2">
      <t>イッパン</t>
    </rPh>
    <rPh sb="2" eb="5">
      <t>ニュウガクシャ</t>
    </rPh>
    <rPh sb="5" eb="7">
      <t>センバツ</t>
    </rPh>
    <rPh sb="26" eb="28">
      <t>コウキ</t>
    </rPh>
    <rPh sb="28" eb="30">
      <t>ニッテイ</t>
    </rPh>
    <phoneticPr fontId="4"/>
  </si>
  <si>
    <t>一般入学者選抜（前期日程Ｂ方式、全学統一日程Ｂ方式）</t>
    <rPh sb="0" eb="2">
      <t>イッパン</t>
    </rPh>
    <rPh sb="2" eb="5">
      <t>ニュウガクシャ</t>
    </rPh>
    <rPh sb="5" eb="7">
      <t>センバツ</t>
    </rPh>
    <rPh sb="8" eb="10">
      <t>ゼンキ</t>
    </rPh>
    <rPh sb="10" eb="12">
      <t>ニッテイ</t>
    </rPh>
    <rPh sb="13" eb="15">
      <t>ホウシキ</t>
    </rPh>
    <rPh sb="16" eb="20">
      <t>ゼンガクトウイツ</t>
    </rPh>
    <rPh sb="20" eb="22">
      <t>ニッテイ</t>
    </rPh>
    <rPh sb="23" eb="25">
      <t>ホウシキ</t>
    </rPh>
    <phoneticPr fontId="4"/>
  </si>
  <si>
    <t>共通テスト「外国語」の満点を上限に加点（2.5～15％）
※リンガスキルの利用可</t>
    <rPh sb="11" eb="13">
      <t>マンテン</t>
    </rPh>
    <rPh sb="14" eb="16">
      <t>ジョウゲン</t>
    </rPh>
    <phoneticPr fontId="4"/>
  </si>
  <si>
    <t>個別試験「英語」の得点に換算（70～100点）（受験した場合は高得点の方を利用）
※2023年３月以前の成績利用時は690</t>
    <rPh sb="0" eb="2">
      <t>コベツ</t>
    </rPh>
    <rPh sb="2" eb="4">
      <t>シケン</t>
    </rPh>
    <rPh sb="5" eb="7">
      <t>エイゴ</t>
    </rPh>
    <rPh sb="9" eb="11">
      <t>トクテン</t>
    </rPh>
    <rPh sb="12" eb="14">
      <t>カンサン</t>
    </rPh>
    <rPh sb="21" eb="22">
      <t>テン</t>
    </rPh>
    <phoneticPr fontId="4"/>
  </si>
  <si>
    <t>一般選抜（前期）、共通テスト利用選抜</t>
    <rPh sb="0" eb="2">
      <t>イッパン</t>
    </rPh>
    <rPh sb="2" eb="4">
      <t>センバツ</t>
    </rPh>
    <rPh sb="5" eb="7">
      <t>ゼンキ</t>
    </rPh>
    <rPh sb="9" eb="11">
      <t>キョウツウ</t>
    </rPh>
    <rPh sb="14" eb="16">
      <t>リヨウ</t>
    </rPh>
    <rPh sb="16" eb="18">
      <t>センバツ</t>
    </rPh>
    <phoneticPr fontId="4"/>
  </si>
  <si>
    <t>個別試験の得点に加点（70～100点）
英検は２級以上受検者が対象
TOEFL iBTはMyBestスコアも利用可</t>
    <rPh sb="0" eb="2">
      <t>コベツ</t>
    </rPh>
    <rPh sb="2" eb="4">
      <t>シケン</t>
    </rPh>
    <rPh sb="5" eb="7">
      <t>トクテン</t>
    </rPh>
    <rPh sb="8" eb="10">
      <t>カテン</t>
    </rPh>
    <rPh sb="17" eb="18">
      <t>テン</t>
    </rPh>
    <phoneticPr fontId="4"/>
  </si>
  <si>
    <t>一般選抜（Ａ日程英検利用方式、Ｂ日程英検利用方式、後期英検利用＋志望理由作文方式）</t>
    <rPh sb="0" eb="2">
      <t>イッパン</t>
    </rPh>
    <rPh sb="2" eb="4">
      <t>センバツ</t>
    </rPh>
    <rPh sb="6" eb="8">
      <t>ニッテイ</t>
    </rPh>
    <rPh sb="8" eb="10">
      <t>エイケン</t>
    </rPh>
    <rPh sb="10" eb="12">
      <t>リヨウ</t>
    </rPh>
    <rPh sb="12" eb="14">
      <t>ホウシキ</t>
    </rPh>
    <rPh sb="16" eb="18">
      <t>ニッテイ</t>
    </rPh>
    <rPh sb="18" eb="20">
      <t>エイケン</t>
    </rPh>
    <rPh sb="20" eb="22">
      <t>リヨウ</t>
    </rPh>
    <rPh sb="22" eb="24">
      <t>ホウシキ</t>
    </rPh>
    <rPh sb="25" eb="27">
      <t>コウキ</t>
    </rPh>
    <rPh sb="27" eb="29">
      <t>エイケン</t>
    </rPh>
    <rPh sb="29" eb="31">
      <t>リヨウ</t>
    </rPh>
    <rPh sb="32" eb="34">
      <t>シボウ</t>
    </rPh>
    <rPh sb="34" eb="36">
      <t>リユウ</t>
    </rPh>
    <rPh sb="36" eb="38">
      <t>サクブン</t>
    </rPh>
    <rPh sb="38" eb="40">
      <t>ホウシキ</t>
    </rPh>
    <phoneticPr fontId="4"/>
  </si>
  <si>
    <t>個別試験「英語」の得点に換算（80または100点）（受験した場合は高得点の方を利用、満点換算の場合は個別試験「英語」の受験を免除）
TEAPは他に技能ごとの基準あり</t>
    <rPh sb="23" eb="24">
      <t>テン</t>
    </rPh>
    <rPh sb="42" eb="46">
      <t>マンテンカンサン</t>
    </rPh>
    <rPh sb="47" eb="49">
      <t>バアイ</t>
    </rPh>
    <rPh sb="50" eb="54">
      <t>コベツシケン</t>
    </rPh>
    <rPh sb="55" eb="57">
      <t>エイゴ</t>
    </rPh>
    <rPh sb="59" eb="61">
      <t>ジュケン</t>
    </rPh>
    <rPh sb="62" eb="64">
      <t>メンジョ</t>
    </rPh>
    <rPh sb="71" eb="72">
      <t>タ</t>
    </rPh>
    <rPh sb="73" eb="75">
      <t>ギノウ</t>
    </rPh>
    <rPh sb="78" eb="80">
      <t>キジュン</t>
    </rPh>
    <phoneticPr fontId="4"/>
  </si>
  <si>
    <t>個別試験「英語」または共通テスト「外国語」の得点に換算（70～100％）（受験した場合は高得点の方を利用）
TOEICはS&amp;Wのスコアを2.5倍にして合算
※2023年３月以前の成績利用時は960</t>
    <rPh sb="0" eb="2">
      <t>コベツ</t>
    </rPh>
    <rPh sb="2" eb="4">
      <t>シケン</t>
    </rPh>
    <rPh sb="5" eb="7">
      <t>エイゴ</t>
    </rPh>
    <rPh sb="11" eb="13">
      <t>キョウツウ</t>
    </rPh>
    <rPh sb="17" eb="20">
      <t>ガイコクゴ</t>
    </rPh>
    <rPh sb="22" eb="24">
      <t>トクテン</t>
    </rPh>
    <rPh sb="25" eb="27">
      <t>カンサン</t>
    </rPh>
    <rPh sb="37" eb="39">
      <t>ジュケン</t>
    </rPh>
    <rPh sb="41" eb="43">
      <t>バアイ</t>
    </rPh>
    <rPh sb="44" eb="47">
      <t>コウトクテン</t>
    </rPh>
    <rPh sb="48" eb="49">
      <t>ホウ</t>
    </rPh>
    <rPh sb="50" eb="52">
      <t>リヨウ</t>
    </rPh>
    <phoneticPr fontId="4"/>
  </si>
  <si>
    <r>
      <t>個別試験「外国語」の得点に換算（70～100％）</t>
    </r>
    <r>
      <rPr>
        <strike/>
        <sz val="8"/>
        <rFont val="ＭＳ Ｐゴシック"/>
        <family val="3"/>
        <charset val="128"/>
      </rPr>
      <t xml:space="preserve">
</t>
    </r>
    <r>
      <rPr>
        <sz val="8"/>
        <rFont val="ＭＳ Ｐゴシック"/>
        <family val="3"/>
        <charset val="128"/>
      </rPr>
      <t xml:space="preserve">※共通テスト「英語」でも代替可
</t>
    </r>
    <rPh sb="0" eb="2">
      <t>コベツ</t>
    </rPh>
    <rPh sb="2" eb="4">
      <t>シケン</t>
    </rPh>
    <rPh sb="5" eb="8">
      <t>ガイコクゴ</t>
    </rPh>
    <rPh sb="10" eb="12">
      <t>トクテン</t>
    </rPh>
    <rPh sb="13" eb="15">
      <t>カンサン</t>
    </rPh>
    <phoneticPr fontId="4"/>
  </si>
  <si>
    <t>1050
Ad
CBT</t>
    <phoneticPr fontId="4"/>
  </si>
  <si>
    <t>大学が別途定めるスコアを満たす場合は、個別試験の得点に加点（最大150点）
英検は準１級以上受検者が対象</t>
    <rPh sb="0" eb="2">
      <t>ダイガク</t>
    </rPh>
    <rPh sb="3" eb="5">
      <t>ベット</t>
    </rPh>
    <rPh sb="5" eb="6">
      <t>サダ</t>
    </rPh>
    <rPh sb="12" eb="13">
      <t>ミ</t>
    </rPh>
    <rPh sb="15" eb="17">
      <t>バアイ</t>
    </rPh>
    <rPh sb="19" eb="21">
      <t>コベツ</t>
    </rPh>
    <rPh sb="21" eb="23">
      <t>シケン</t>
    </rPh>
    <rPh sb="24" eb="26">
      <t>トクテン</t>
    </rPh>
    <rPh sb="27" eb="29">
      <t>カテン</t>
    </rPh>
    <rPh sb="30" eb="32">
      <t>サイダイ</t>
    </rPh>
    <rPh sb="35" eb="36">
      <t>テン</t>
    </rPh>
    <phoneticPr fontId="4"/>
  </si>
  <si>
    <t xml:space="preserve">個別試験「英語」の得点に換算（75または90点）（個別試験「英語」の受験は必須、高得点の方を利用）
</t>
    <rPh sb="0" eb="2">
      <t>コベツ</t>
    </rPh>
    <rPh sb="2" eb="4">
      <t>シケン</t>
    </rPh>
    <rPh sb="5" eb="7">
      <t>エイゴ</t>
    </rPh>
    <rPh sb="9" eb="11">
      <t>トクテン</t>
    </rPh>
    <rPh sb="12" eb="14">
      <t>カンサン</t>
    </rPh>
    <rPh sb="22" eb="23">
      <t>テン</t>
    </rPh>
    <rPh sb="25" eb="29">
      <t>コベツシケン</t>
    </rPh>
    <rPh sb="30" eb="32">
      <t>エイゴ</t>
    </rPh>
    <rPh sb="34" eb="36">
      <t>ジュケン</t>
    </rPh>
    <rPh sb="37" eb="39">
      <t>ヒッス</t>
    </rPh>
    <rPh sb="40" eb="43">
      <t>コウトクテン</t>
    </rPh>
    <rPh sb="44" eb="45">
      <t>ホウ</t>
    </rPh>
    <rPh sb="46" eb="48">
      <t>リヨウ</t>
    </rPh>
    <phoneticPr fontId="4"/>
  </si>
  <si>
    <t>選択科目として利用可（100点）
TOEICはS&amp;Wのスコアを2.5倍にして合算
※2023年３月以前の成績利用時は690</t>
    <rPh sb="0" eb="2">
      <t>センタク</t>
    </rPh>
    <rPh sb="2" eb="4">
      <t>カモク</t>
    </rPh>
    <rPh sb="7" eb="10">
      <t>リヨウカ</t>
    </rPh>
    <rPh sb="14" eb="15">
      <t>テン</t>
    </rPh>
    <rPh sb="46" eb="47">
      <t>ネン</t>
    </rPh>
    <rPh sb="48" eb="49">
      <t>ガツ</t>
    </rPh>
    <rPh sb="49" eb="51">
      <t>イゼン</t>
    </rPh>
    <phoneticPr fontId="4"/>
  </si>
  <si>
    <t>選択科目として利用可（100点）
TOEICはS&amp;Wのスコアを2.5倍にして合算
※2023年３月以前の成績利用時は690</t>
    <rPh sb="0" eb="2">
      <t>センタク</t>
    </rPh>
    <rPh sb="2" eb="4">
      <t>カモク</t>
    </rPh>
    <rPh sb="7" eb="10">
      <t>リヨウカ</t>
    </rPh>
    <rPh sb="14" eb="15">
      <t>テン</t>
    </rPh>
    <phoneticPr fontId="4"/>
  </si>
  <si>
    <t>調査書と併せて二次試験の参考とする</t>
    <rPh sb="0" eb="3">
      <t>チョウサショ</t>
    </rPh>
    <rPh sb="4" eb="5">
      <t>アワ</t>
    </rPh>
    <rPh sb="7" eb="9">
      <t>ニジ</t>
    </rPh>
    <rPh sb="9" eb="11">
      <t>シケン</t>
    </rPh>
    <rPh sb="12" eb="14">
      <t>サンコウ</t>
    </rPh>
    <phoneticPr fontId="4"/>
  </si>
  <si>
    <t>個別試験「英語」の得点に換算（個別試験「英語」の受験は必須、高得点の方を利用）
英検は準２級以上受検者が対象</t>
    <rPh sb="0" eb="2">
      <t>コベツ</t>
    </rPh>
    <rPh sb="2" eb="4">
      <t>シケン</t>
    </rPh>
    <rPh sb="5" eb="7">
      <t>エイゴ</t>
    </rPh>
    <rPh sb="9" eb="11">
      <t>トクテン</t>
    </rPh>
    <rPh sb="12" eb="14">
      <t>カンサン</t>
    </rPh>
    <rPh sb="15" eb="17">
      <t>コベツ</t>
    </rPh>
    <rPh sb="17" eb="19">
      <t>シケン</t>
    </rPh>
    <rPh sb="20" eb="22">
      <t>エイゴ</t>
    </rPh>
    <rPh sb="24" eb="26">
      <t>ジュケン</t>
    </rPh>
    <rPh sb="27" eb="29">
      <t>ヒッス</t>
    </rPh>
    <rPh sb="30" eb="33">
      <t>コウトクテン</t>
    </rPh>
    <rPh sb="34" eb="35">
      <t>ホウ</t>
    </rPh>
    <rPh sb="36" eb="38">
      <t>リヨウ</t>
    </rPh>
    <rPh sb="40" eb="42">
      <t>エイケン</t>
    </rPh>
    <rPh sb="43" eb="44">
      <t>ジュン</t>
    </rPh>
    <rPh sb="45" eb="46">
      <t>キュウ</t>
    </rPh>
    <rPh sb="46" eb="48">
      <t>イジョウ</t>
    </rPh>
    <rPh sb="48" eb="50">
      <t>ジュケン</t>
    </rPh>
    <rPh sb="50" eb="51">
      <t>シャ</t>
    </rPh>
    <rPh sb="52" eb="54">
      <t>タイショウ</t>
    </rPh>
    <phoneticPr fontId="21"/>
  </si>
  <si>
    <t>二次試験の得点に加点（10～50点）
英検は２級以上受検者が対象</t>
    <rPh sb="0" eb="2">
      <t>ニジ</t>
    </rPh>
    <phoneticPr fontId="4"/>
  </si>
  <si>
    <t>福祉社会デザイン（子ども支援）、生命科学（生体医工除く）、食環境科学（健康栄養除く）</t>
    <rPh sb="0" eb="4">
      <t>フクシシャカイ</t>
    </rPh>
    <rPh sb="9" eb="10">
      <t>コ</t>
    </rPh>
    <rPh sb="12" eb="14">
      <t>シエン</t>
    </rPh>
    <rPh sb="16" eb="18">
      <t>セイメイ</t>
    </rPh>
    <rPh sb="18" eb="20">
      <t>カガク</t>
    </rPh>
    <rPh sb="21" eb="23">
      <t>セイタイ</t>
    </rPh>
    <rPh sb="23" eb="25">
      <t>イコウ</t>
    </rPh>
    <rPh sb="25" eb="26">
      <t>ノゾ</t>
    </rPh>
    <rPh sb="29" eb="34">
      <t>ショクカンキョウカガク</t>
    </rPh>
    <rPh sb="35" eb="39">
      <t>ケンコウエイヨウ</t>
    </rPh>
    <rPh sb="39" eb="40">
      <t>ノゾ</t>
    </rPh>
    <phoneticPr fontId="24"/>
  </si>
  <si>
    <t>個別試験「英語」の得点に換算（30～100点）
※表中のスコア以下は全て30点換算
英検は２級以上受検者が対象</t>
    <rPh sb="0" eb="2">
      <t>コベツ</t>
    </rPh>
    <rPh sb="2" eb="4">
      <t>シケン</t>
    </rPh>
    <rPh sb="5" eb="7">
      <t>エイゴ</t>
    </rPh>
    <rPh sb="9" eb="11">
      <t>トクテン</t>
    </rPh>
    <rPh sb="12" eb="14">
      <t>カンサン</t>
    </rPh>
    <rPh sb="21" eb="22">
      <t>テン</t>
    </rPh>
    <rPh sb="42" eb="44">
      <t>エイケン</t>
    </rPh>
    <rPh sb="46" eb="49">
      <t>キュウイジョウ</t>
    </rPh>
    <rPh sb="49" eb="52">
      <t>ジュケンシャ</t>
    </rPh>
    <rPh sb="51" eb="52">
      <t>シャ</t>
    </rPh>
    <rPh sb="53" eb="55">
      <t>タイショウ</t>
    </rPh>
    <phoneticPr fontId="21"/>
  </si>
  <si>
    <t>一般選抜（英語外部試験利用方式）</t>
    <rPh sb="5" eb="9">
      <t>エイゴガイブ</t>
    </rPh>
    <rPh sb="9" eb="11">
      <t>シケン</t>
    </rPh>
    <rPh sb="11" eb="13">
      <t>リヨウ</t>
    </rPh>
    <rPh sb="13" eb="15">
      <t>ホウシキ</t>
    </rPh>
    <phoneticPr fontId="4"/>
  </si>
  <si>
    <t>経済、国際関係</t>
    <rPh sb="0" eb="2">
      <t>ケイザイ</t>
    </rPh>
    <rPh sb="3" eb="5">
      <t>コクサイ</t>
    </rPh>
    <rPh sb="5" eb="7">
      <t>カンケイ</t>
    </rPh>
    <phoneticPr fontId="4"/>
  </si>
  <si>
    <t>個別試験「英語」の得点に換算（70～100点）（受験した場合は高得点の方を利用）
TOEICはS&amp;Wのスコアを2.5倍にして合算</t>
    <rPh sb="21" eb="22">
      <t>テン</t>
    </rPh>
    <rPh sb="24" eb="26">
      <t>ジュケン</t>
    </rPh>
    <rPh sb="28" eb="30">
      <t>バアイ</t>
    </rPh>
    <rPh sb="31" eb="34">
      <t>コウトクテン</t>
    </rPh>
    <rPh sb="35" eb="36">
      <t>ホウ</t>
    </rPh>
    <rPh sb="37" eb="39">
      <t>リヨウ</t>
    </rPh>
    <phoneticPr fontId="4"/>
  </si>
  <si>
    <t>1120
Ad</t>
    <phoneticPr fontId="4"/>
  </si>
  <si>
    <t>1050
Ad</t>
    <phoneticPr fontId="4"/>
  </si>
  <si>
    <t>1000
Ad</t>
    <phoneticPr fontId="4"/>
  </si>
  <si>
    <t>個別試験の得点に加点（最大150点）
英検は準２級以上受検者が対象
TOEICはS&amp;Wのスコアを2.5倍にして合算
※リンガスキルの利用可</t>
    <rPh sb="0" eb="2">
      <t>コベツ</t>
    </rPh>
    <rPh sb="2" eb="4">
      <t>シケン</t>
    </rPh>
    <rPh sb="5" eb="7">
      <t>トクテン</t>
    </rPh>
    <rPh sb="8" eb="10">
      <t>カテン</t>
    </rPh>
    <rPh sb="11" eb="13">
      <t>サイダイ</t>
    </rPh>
    <rPh sb="16" eb="17">
      <t>テン</t>
    </rPh>
    <rPh sb="51" eb="52">
      <t>バイ</t>
    </rPh>
    <rPh sb="55" eb="57">
      <t>ガッサン</t>
    </rPh>
    <phoneticPr fontId="4"/>
  </si>
  <si>
    <t>個別試験「英語」の得点に換算（65～95％）（受験した場合は高得点の方を利用）
英検は準２級以上受検者が対象
TEAP「R/L」（110）も利用可
※2023年３月以前の成績利用時は960</t>
    <rPh sb="23" eb="25">
      <t>ジュケン</t>
    </rPh>
    <rPh sb="27" eb="29">
      <t>バアイ</t>
    </rPh>
    <rPh sb="30" eb="33">
      <t>コウトクテン</t>
    </rPh>
    <rPh sb="34" eb="35">
      <t>ホウ</t>
    </rPh>
    <rPh sb="36" eb="38">
      <t>リヨウ</t>
    </rPh>
    <rPh sb="40" eb="42">
      <t>エイケン</t>
    </rPh>
    <rPh sb="43" eb="44">
      <t>ジュン</t>
    </rPh>
    <rPh sb="45" eb="46">
      <t>キュウ</t>
    </rPh>
    <rPh sb="46" eb="48">
      <t>イジョウ</t>
    </rPh>
    <rPh sb="48" eb="50">
      <t>ジュケン</t>
    </rPh>
    <rPh sb="50" eb="51">
      <t>シャ</t>
    </rPh>
    <rPh sb="52" eb="54">
      <t>タイショウ</t>
    </rPh>
    <rPh sb="70" eb="72">
      <t>リヨウ</t>
    </rPh>
    <rPh sb="72" eb="73">
      <t>カ</t>
    </rPh>
    <rPh sb="79" eb="80">
      <t>ネン</t>
    </rPh>
    <rPh sb="81" eb="82">
      <t>ガツ</t>
    </rPh>
    <rPh sb="82" eb="84">
      <t>イゼン</t>
    </rPh>
    <phoneticPr fontId="4"/>
  </si>
  <si>
    <t>個別試験「英語」の得点に換算（65～70％）（受験した場合は高得点の方を利用）
英検は準２級以上受検者が対象
TEAP「R/L」（110）も利用可
※2023年３月以前の成績利用時は960</t>
    <rPh sb="23" eb="25">
      <t>ジュケン</t>
    </rPh>
    <rPh sb="27" eb="29">
      <t>バアイ</t>
    </rPh>
    <rPh sb="30" eb="33">
      <t>コウトクテン</t>
    </rPh>
    <rPh sb="34" eb="35">
      <t>ホウ</t>
    </rPh>
    <rPh sb="36" eb="38">
      <t>リヨウ</t>
    </rPh>
    <rPh sb="40" eb="42">
      <t>エイケン</t>
    </rPh>
    <rPh sb="43" eb="44">
      <t>ジュン</t>
    </rPh>
    <rPh sb="45" eb="46">
      <t>キュウ</t>
    </rPh>
    <rPh sb="46" eb="48">
      <t>イジョウ</t>
    </rPh>
    <rPh sb="48" eb="50">
      <t>ジュケン</t>
    </rPh>
    <rPh sb="50" eb="51">
      <t>シャ</t>
    </rPh>
    <rPh sb="52" eb="54">
      <t>タイショウ</t>
    </rPh>
    <rPh sb="70" eb="72">
      <t>リヨウ</t>
    </rPh>
    <rPh sb="72" eb="73">
      <t>カ</t>
    </rPh>
    <rPh sb="79" eb="80">
      <t>ネン</t>
    </rPh>
    <rPh sb="81" eb="82">
      <t>ガツ</t>
    </rPh>
    <rPh sb="82" eb="84">
      <t>イゼン</t>
    </rPh>
    <rPh sb="85" eb="87">
      <t>セイセキ</t>
    </rPh>
    <rPh sb="87" eb="90">
      <t>リヨウジ</t>
    </rPh>
    <phoneticPr fontId="4"/>
  </si>
  <si>
    <t>共通テスト「英語」の得点に換算（95％）（受験した場合は高得点の方を利用）
英検は準２級以上受検者が対象
TEAP「R/L」（150）も利用可
※2023年３月以前の成績利用時は1190</t>
    <rPh sb="0" eb="2">
      <t>キョウツウ</t>
    </rPh>
    <rPh sb="21" eb="23">
      <t>ジュケン</t>
    </rPh>
    <rPh sb="25" eb="27">
      <t>バアイ</t>
    </rPh>
    <rPh sb="28" eb="31">
      <t>コウトクテン</t>
    </rPh>
    <rPh sb="32" eb="33">
      <t>ホウ</t>
    </rPh>
    <rPh sb="34" eb="36">
      <t>リヨウ</t>
    </rPh>
    <rPh sb="38" eb="40">
      <t>エイケン</t>
    </rPh>
    <rPh sb="41" eb="42">
      <t>ジュン</t>
    </rPh>
    <rPh sb="43" eb="44">
      <t>キュウ</t>
    </rPh>
    <rPh sb="44" eb="46">
      <t>イジョウ</t>
    </rPh>
    <rPh sb="46" eb="48">
      <t>ジュケン</t>
    </rPh>
    <rPh sb="48" eb="49">
      <t>シャ</t>
    </rPh>
    <rPh sb="50" eb="52">
      <t>タイショウ</t>
    </rPh>
    <rPh sb="68" eb="70">
      <t>リヨウ</t>
    </rPh>
    <rPh sb="70" eb="71">
      <t>カ</t>
    </rPh>
    <phoneticPr fontId="4"/>
  </si>
  <si>
    <t>学部別（英語４技能試験活用方式、大学入学共通テスト併用型英語４技能試験活用方式）</t>
    <rPh sb="4" eb="6">
      <t>エイゴ</t>
    </rPh>
    <rPh sb="7" eb="9">
      <t>ギノウ</t>
    </rPh>
    <rPh sb="9" eb="11">
      <t>シケン</t>
    </rPh>
    <rPh sb="11" eb="13">
      <t>カツヨウ</t>
    </rPh>
    <rPh sb="13" eb="15">
      <t>ホウシキ</t>
    </rPh>
    <phoneticPr fontId="4"/>
  </si>
  <si>
    <t>個別試験「英語」の得点に換算（120または140点）（受験した場合は高得点の方を利用）
※2023年３月以前の成績利用時は960</t>
    <rPh sb="0" eb="2">
      <t>コベツ</t>
    </rPh>
    <rPh sb="2" eb="4">
      <t>シケン</t>
    </rPh>
    <rPh sb="5" eb="7">
      <t>エイゴ</t>
    </rPh>
    <rPh sb="9" eb="11">
      <t>トクテン</t>
    </rPh>
    <rPh sb="12" eb="14">
      <t>カンサン</t>
    </rPh>
    <rPh sb="24" eb="25">
      <t>テン</t>
    </rPh>
    <rPh sb="27" eb="29">
      <t>ジュケン</t>
    </rPh>
    <rPh sb="31" eb="33">
      <t>バアイ</t>
    </rPh>
    <rPh sb="34" eb="37">
      <t>コウトクテン</t>
    </rPh>
    <rPh sb="38" eb="39">
      <t>ホウ</t>
    </rPh>
    <rPh sb="40" eb="42">
      <t>リヨウ</t>
    </rPh>
    <phoneticPr fontId="4"/>
  </si>
  <si>
    <t>※2023年３月以前の成績利用時は960</t>
    <rPh sb="11" eb="13">
      <t>セイセキ</t>
    </rPh>
    <rPh sb="13" eb="16">
      <t>リヨウジ</t>
    </rPh>
    <phoneticPr fontId="4"/>
  </si>
  <si>
    <t>TOEICはS&amp;Wのスコアを2.5倍にして合算
※1 リンガスキルの利用可
※2 2023年３月以前の成績利用時は690</t>
    <rPh sb="45" eb="46">
      <t>ネン</t>
    </rPh>
    <rPh sb="47" eb="48">
      <t>ガツ</t>
    </rPh>
    <rPh sb="48" eb="50">
      <t>イゼン</t>
    </rPh>
    <phoneticPr fontId="4"/>
  </si>
  <si>
    <t>共通テスト「英語」の満点を上限に加点（５～30点）
TOEICはS&amp;Wのスコアを2.5倍にして合算
※1 リンガスキルの利用可
※2 2023年３月以前の成績利用時は690</t>
    <rPh sb="0" eb="2">
      <t>キョウツウ</t>
    </rPh>
    <rPh sb="10" eb="12">
      <t>マンテン</t>
    </rPh>
    <rPh sb="13" eb="15">
      <t>ジョウゲン</t>
    </rPh>
    <rPh sb="16" eb="18">
      <t>カテン</t>
    </rPh>
    <rPh sb="23" eb="24">
      <t>テン</t>
    </rPh>
    <rPh sb="43" eb="44">
      <t>バイ</t>
    </rPh>
    <rPh sb="47" eb="49">
      <t>ガッサン</t>
    </rPh>
    <phoneticPr fontId="4"/>
  </si>
  <si>
    <t>個別試験「英語」の得点に換算（60～100点※国際文化－英語文化のみ120～200点）
英検は準２級以上受検者が対象
※リンガスキルの利用可</t>
    <rPh sb="0" eb="2">
      <t>コベツ</t>
    </rPh>
    <rPh sb="2" eb="4">
      <t>シケン</t>
    </rPh>
    <rPh sb="5" eb="7">
      <t>エイゴ</t>
    </rPh>
    <rPh sb="9" eb="11">
      <t>トクテン</t>
    </rPh>
    <rPh sb="12" eb="14">
      <t>カンサン</t>
    </rPh>
    <rPh sb="21" eb="22">
      <t>テン</t>
    </rPh>
    <rPh sb="23" eb="25">
      <t>コクサイ</t>
    </rPh>
    <rPh sb="25" eb="27">
      <t>ブンカ</t>
    </rPh>
    <rPh sb="28" eb="30">
      <t>エイゴ</t>
    </rPh>
    <rPh sb="30" eb="32">
      <t>ブンカ</t>
    </rPh>
    <rPh sb="41" eb="42">
      <t>テン</t>
    </rPh>
    <rPh sb="44" eb="46">
      <t>エイケン</t>
    </rPh>
    <rPh sb="47" eb="48">
      <t>ジュン</t>
    </rPh>
    <rPh sb="49" eb="50">
      <t>キュウ</t>
    </rPh>
    <rPh sb="50" eb="52">
      <t>イジョウ</t>
    </rPh>
    <rPh sb="52" eb="55">
      <t>ジュケンシャ</t>
    </rPh>
    <rPh sb="56" eb="58">
      <t>タイショウ</t>
    </rPh>
    <rPh sb="67" eb="70">
      <t>リヨウカ</t>
    </rPh>
    <phoneticPr fontId="4"/>
  </si>
  <si>
    <t>選択科目として利用可（100点）
CSEスコアに0.0413を乗じたものを得点とする</t>
    <rPh sb="31" eb="32">
      <t>ジョウ</t>
    </rPh>
    <rPh sb="37" eb="39">
      <t>トクテン</t>
    </rPh>
    <phoneticPr fontId="4"/>
  </si>
  <si>
    <t>個別試験または共通テスト「英語」の得点に換算（70～100点）（受験した場合は高得点の方を利用）
英検は準２級以上受検者が対象
TOEICはS&amp;Wのスコアを2.5倍にして合算
※2023年３月以前の成績利用時は690</t>
    <rPh sb="0" eb="4">
      <t>コベツシケン</t>
    </rPh>
    <rPh sb="7" eb="9">
      <t>キョウツウ</t>
    </rPh>
    <rPh sb="13" eb="15">
      <t>エイゴ</t>
    </rPh>
    <rPh sb="17" eb="19">
      <t>トクテン</t>
    </rPh>
    <rPh sb="20" eb="22">
      <t>カンサン</t>
    </rPh>
    <rPh sb="29" eb="30">
      <t>テン</t>
    </rPh>
    <rPh sb="32" eb="34">
      <t>ジュケン</t>
    </rPh>
    <rPh sb="36" eb="38">
      <t>バアイ</t>
    </rPh>
    <rPh sb="39" eb="42">
      <t>コウトクテン</t>
    </rPh>
    <rPh sb="43" eb="44">
      <t>ホウ</t>
    </rPh>
    <rPh sb="45" eb="47">
      <t>リヨウ</t>
    </rPh>
    <rPh sb="49" eb="51">
      <t>エイケン</t>
    </rPh>
    <rPh sb="52" eb="53">
      <t>ジュン</t>
    </rPh>
    <rPh sb="54" eb="55">
      <t>キュウ</t>
    </rPh>
    <rPh sb="55" eb="57">
      <t>イジョウ</t>
    </rPh>
    <rPh sb="57" eb="59">
      <t>ジュケン</t>
    </rPh>
    <rPh sb="59" eb="60">
      <t>シャ</t>
    </rPh>
    <rPh sb="61" eb="63">
      <t>タイショウ</t>
    </rPh>
    <phoneticPr fontId="4"/>
  </si>
  <si>
    <t>個別試験または共通テスト「英語」の得点に換算（75～100点）（受験した場合は高得点の方を利用）
※2023年３月以前の成績利用時は690</t>
    <rPh sb="0" eb="2">
      <t>コベツ</t>
    </rPh>
    <rPh sb="2" eb="4">
      <t>シケン</t>
    </rPh>
    <rPh sb="7" eb="9">
      <t>キョウツウ</t>
    </rPh>
    <rPh sb="13" eb="15">
      <t>エイゴ</t>
    </rPh>
    <rPh sb="17" eb="19">
      <t>トクテン</t>
    </rPh>
    <rPh sb="20" eb="22">
      <t>カンサン</t>
    </rPh>
    <rPh sb="29" eb="30">
      <t>テン</t>
    </rPh>
    <rPh sb="32" eb="34">
      <t>ジュケン</t>
    </rPh>
    <rPh sb="36" eb="38">
      <t>バアイ</t>
    </rPh>
    <rPh sb="39" eb="42">
      <t>コウトクテン</t>
    </rPh>
    <rPh sb="43" eb="44">
      <t>ホウ</t>
    </rPh>
    <rPh sb="45" eb="47">
      <t>リヨウ</t>
    </rPh>
    <rPh sb="54" eb="55">
      <t>ネン</t>
    </rPh>
    <rPh sb="56" eb="57">
      <t>ガツ</t>
    </rPh>
    <rPh sb="57" eb="59">
      <t>イゼン</t>
    </rPh>
    <rPh sb="60" eb="62">
      <t>セイセキ</t>
    </rPh>
    <rPh sb="62" eb="64">
      <t>リヨウ</t>
    </rPh>
    <rPh sb="64" eb="65">
      <t>ジ</t>
    </rPh>
    <phoneticPr fontId="4"/>
  </si>
  <si>
    <t>個別試験「英語」の得点に換算（50または75％）（受験した場合は高得点の方を利用）
※2023年３月以前の成績利用時は690</t>
    <rPh sb="0" eb="2">
      <t>コベツ</t>
    </rPh>
    <rPh sb="2" eb="4">
      <t>シケン</t>
    </rPh>
    <rPh sb="5" eb="7">
      <t>エイゴ</t>
    </rPh>
    <rPh sb="9" eb="11">
      <t>トクテン</t>
    </rPh>
    <rPh sb="12" eb="14">
      <t>カンサン</t>
    </rPh>
    <rPh sb="25" eb="27">
      <t>ジュケン</t>
    </rPh>
    <rPh sb="29" eb="31">
      <t>バアイ</t>
    </rPh>
    <rPh sb="32" eb="35">
      <t>コウトクテン</t>
    </rPh>
    <rPh sb="36" eb="37">
      <t>ホウ</t>
    </rPh>
    <rPh sb="38" eb="40">
      <t>リヨウ</t>
    </rPh>
    <phoneticPr fontId="4"/>
  </si>
  <si>
    <t>個別試験「英語」の満点を上限に加点（５または10点）
※2023年３月以前の成績利用時は690</t>
    <rPh sb="0" eb="2">
      <t>コベツ</t>
    </rPh>
    <rPh sb="2" eb="4">
      <t>シケン</t>
    </rPh>
    <rPh sb="5" eb="7">
      <t>エイゴ</t>
    </rPh>
    <rPh sb="9" eb="11">
      <t>マンテン</t>
    </rPh>
    <rPh sb="12" eb="14">
      <t>ジョウゲン</t>
    </rPh>
    <rPh sb="15" eb="17">
      <t>カテン</t>
    </rPh>
    <rPh sb="24" eb="25">
      <t>テン</t>
    </rPh>
    <phoneticPr fontId="4"/>
  </si>
  <si>
    <t>個別試験「英語」の満点を上限に加点（３または６点）
※2023年３月以前の成績利用時は690</t>
    <rPh sb="0" eb="2">
      <t>コベツ</t>
    </rPh>
    <rPh sb="2" eb="4">
      <t>シケン</t>
    </rPh>
    <rPh sb="5" eb="7">
      <t>エイゴ</t>
    </rPh>
    <rPh sb="9" eb="11">
      <t>マンテン</t>
    </rPh>
    <rPh sb="12" eb="14">
      <t>ジョウゲン</t>
    </rPh>
    <rPh sb="15" eb="17">
      <t>カテン</t>
    </rPh>
    <rPh sb="23" eb="24">
      <t>テン</t>
    </rPh>
    <phoneticPr fontId="4"/>
  </si>
  <si>
    <t>680
Ad
CBT
※</t>
    <phoneticPr fontId="4"/>
  </si>
  <si>
    <t>出願書類に加点（６～10点）
※2023年３月以前の成績利用時は690</t>
    <rPh sb="0" eb="4">
      <t>シュツガンショルイ</t>
    </rPh>
    <rPh sb="5" eb="7">
      <t>カテン</t>
    </rPh>
    <phoneticPr fontId="4"/>
  </si>
  <si>
    <t>個別試験「英語」の満点を上限に加点（10～20点）
TOEICはS&amp;Wのスコアを2.5倍にして合算
※2023年３月以前の成績利用時は690</t>
    <rPh sb="9" eb="11">
      <t>マンテン</t>
    </rPh>
    <rPh sb="12" eb="14">
      <t>ジョウゲン</t>
    </rPh>
    <rPh sb="15" eb="17">
      <t>カテン</t>
    </rPh>
    <phoneticPr fontId="4"/>
  </si>
  <si>
    <t>個別試験「英語」の得点に換算（80～100点）（個別試験「英語」の受験は必須、高得点の方を利用）
※2023年３月以前の成績利用時は960</t>
    <rPh sb="0" eb="4">
      <t>コベツシケン</t>
    </rPh>
    <rPh sb="5" eb="7">
      <t>エイゴ</t>
    </rPh>
    <rPh sb="9" eb="11">
      <t>トクテン</t>
    </rPh>
    <rPh sb="12" eb="14">
      <t>カンザン</t>
    </rPh>
    <rPh sb="21" eb="22">
      <t>テン</t>
    </rPh>
    <rPh sb="33" eb="35">
      <t>ジュケン</t>
    </rPh>
    <rPh sb="36" eb="38">
      <t>ヒッス</t>
    </rPh>
    <rPh sb="39" eb="42">
      <t>コウトクテン</t>
    </rPh>
    <rPh sb="43" eb="44">
      <t>ホウ</t>
    </rPh>
    <rPh sb="45" eb="47">
      <t>リヨウ</t>
    </rPh>
    <rPh sb="60" eb="65">
      <t>セイセキリヨウジ</t>
    </rPh>
    <phoneticPr fontId="4"/>
  </si>
  <si>
    <t>個別試験方式（Ａ・Ｂ日程）、共通テスト利用方式</t>
    <rPh sb="0" eb="2">
      <t>コベツ</t>
    </rPh>
    <rPh sb="2" eb="4">
      <t>シケン</t>
    </rPh>
    <rPh sb="4" eb="6">
      <t>ホウシキ</t>
    </rPh>
    <rPh sb="10" eb="12">
      <t>ニッテイ</t>
    </rPh>
    <rPh sb="14" eb="16">
      <t>キョウツウ</t>
    </rPh>
    <rPh sb="19" eb="21">
      <t>リヨウ</t>
    </rPh>
    <rPh sb="21" eb="23">
      <t>ホウシキ</t>
    </rPh>
    <phoneticPr fontId="4"/>
  </si>
  <si>
    <t>一般選抜（後期日程）</t>
    <rPh sb="0" eb="2">
      <t>イッパン</t>
    </rPh>
    <rPh sb="2" eb="4">
      <t>センバツ</t>
    </rPh>
    <rPh sb="5" eb="7">
      <t>コウキ</t>
    </rPh>
    <phoneticPr fontId="4"/>
  </si>
  <si>
    <t>個別試験「英語」の満点を上限に加点（30点※個別試験「英語」の得点率が70％以上の場合のみ）
英検は２級以上受検者が対象
英検は他に技能ごとの基準あり
※2023年３月以前の成績利用時は1190</t>
    <rPh sb="0" eb="4">
      <t>コベツシケン</t>
    </rPh>
    <rPh sb="5" eb="7">
      <t>エイゴ</t>
    </rPh>
    <rPh sb="9" eb="11">
      <t>マンテン</t>
    </rPh>
    <rPh sb="12" eb="14">
      <t>ジョウゲン</t>
    </rPh>
    <rPh sb="15" eb="17">
      <t>カテン</t>
    </rPh>
    <rPh sb="20" eb="21">
      <t>テン</t>
    </rPh>
    <rPh sb="22" eb="24">
      <t>コベツ</t>
    </rPh>
    <rPh sb="24" eb="26">
      <t>シケン</t>
    </rPh>
    <rPh sb="27" eb="29">
      <t>エイゴ</t>
    </rPh>
    <rPh sb="31" eb="33">
      <t>トクテン</t>
    </rPh>
    <rPh sb="33" eb="34">
      <t>リツ</t>
    </rPh>
    <rPh sb="38" eb="40">
      <t>イジョウ</t>
    </rPh>
    <rPh sb="41" eb="43">
      <t>バアイ</t>
    </rPh>
    <rPh sb="52" eb="54">
      <t>イジョウ</t>
    </rPh>
    <rPh sb="61" eb="63">
      <t>エイケン</t>
    </rPh>
    <rPh sb="66" eb="68">
      <t>ギノウ</t>
    </rPh>
    <rPh sb="71" eb="73">
      <t>キジュン</t>
    </rPh>
    <rPh sb="84" eb="86">
      <t>イゼン</t>
    </rPh>
    <rPh sb="87" eb="89">
      <t>セイセキ</t>
    </rPh>
    <rPh sb="89" eb="92">
      <t>リヨウジ</t>
    </rPh>
    <phoneticPr fontId="4"/>
  </si>
  <si>
    <t>共通テスト「英語」の得点を満点とみなす
英検は２級以上受検者が対象
英検は他に技能ごとの基準あり
※2023年３月以前の成績利用時は1190</t>
    <rPh sb="0" eb="2">
      <t>キョウツウ</t>
    </rPh>
    <rPh sb="6" eb="8">
      <t>エイゴ</t>
    </rPh>
    <rPh sb="10" eb="12">
      <t>トクテン</t>
    </rPh>
    <rPh sb="13" eb="15">
      <t>マンテン</t>
    </rPh>
    <rPh sb="25" eb="27">
      <t>イジョウ</t>
    </rPh>
    <rPh sb="34" eb="36">
      <t>エイケン</t>
    </rPh>
    <rPh sb="37" eb="38">
      <t>ホカ</t>
    </rPh>
    <rPh sb="39" eb="41">
      <t>ギノウ</t>
    </rPh>
    <rPh sb="44" eb="46">
      <t>キジュン</t>
    </rPh>
    <phoneticPr fontId="4"/>
  </si>
  <si>
    <t>個別試験の得点に加点（80または100点）
英検は２級以上受検者が対象
TOEICはS&amp;Wのスコアを2.5倍にして合算</t>
    <rPh sb="5" eb="7">
      <t>トクテン</t>
    </rPh>
    <rPh sb="8" eb="10">
      <t>カテン</t>
    </rPh>
    <rPh sb="19" eb="20">
      <t>テン</t>
    </rPh>
    <rPh sb="30" eb="31">
      <t>ケン</t>
    </rPh>
    <rPh sb="33" eb="35">
      <t>タイショウ</t>
    </rPh>
    <phoneticPr fontId="4"/>
  </si>
  <si>
    <t>個別試験「外国語」の得点を満点とみなす（個別試験「英語」の受験は必須）
TOEICはS&amp;Wのスコアを2.5倍にして合算
※2023年３月以前の成績利用時は1190</t>
    <rPh sb="0" eb="2">
      <t>コベツ</t>
    </rPh>
    <rPh sb="2" eb="4">
      <t>シケン</t>
    </rPh>
    <rPh sb="5" eb="8">
      <t>ガイコクゴ</t>
    </rPh>
    <rPh sb="10" eb="12">
      <t>トクテン</t>
    </rPh>
    <rPh sb="13" eb="15">
      <t>マンテン</t>
    </rPh>
    <rPh sb="20" eb="24">
      <t>コベツシケン</t>
    </rPh>
    <rPh sb="25" eb="27">
      <t>エイゴ</t>
    </rPh>
    <rPh sb="29" eb="31">
      <t>ジュケン</t>
    </rPh>
    <rPh sb="32" eb="34">
      <t>ヒッス</t>
    </rPh>
    <rPh sb="65" eb="66">
      <t>ネン</t>
    </rPh>
    <rPh sb="67" eb="68">
      <t>ガツ</t>
    </rPh>
    <rPh sb="68" eb="70">
      <t>イゼン</t>
    </rPh>
    <rPh sb="71" eb="73">
      <t>セイセキ</t>
    </rPh>
    <rPh sb="73" eb="76">
      <t>リヨウジ</t>
    </rPh>
    <phoneticPr fontId="4"/>
  </si>
  <si>
    <t>個別試験「英語」の得点に換算（80または100点）（受験した場合は高得点の方を利用）
※2023年３月以前の成績利用時は960</t>
    <rPh sb="0" eb="2">
      <t>コベツ</t>
    </rPh>
    <rPh sb="2" eb="4">
      <t>シケン</t>
    </rPh>
    <rPh sb="5" eb="7">
      <t>エイゴ</t>
    </rPh>
    <rPh sb="9" eb="11">
      <t>トクテン</t>
    </rPh>
    <rPh sb="12" eb="14">
      <t>カンサン</t>
    </rPh>
    <rPh sb="23" eb="24">
      <t>テン</t>
    </rPh>
    <phoneticPr fontId="4"/>
  </si>
  <si>
    <t>個別試験「英語」の得点を満点とみなす（個別試験「英語」の受験は必須）
※リンガスキルの利用可</t>
    <rPh sb="0" eb="2">
      <t>コベツ</t>
    </rPh>
    <rPh sb="2" eb="4">
      <t>シケン</t>
    </rPh>
    <rPh sb="5" eb="7">
      <t>エイゴ</t>
    </rPh>
    <rPh sb="9" eb="11">
      <t>トクテン</t>
    </rPh>
    <rPh sb="24" eb="26">
      <t>エイゴ</t>
    </rPh>
    <rPh sb="31" eb="33">
      <t>ヒッス</t>
    </rPh>
    <phoneticPr fontId="4"/>
  </si>
  <si>
    <t>個別試験「英語」の得点に換算（70～100点）（個別試験「英語」の受験は必須、高得点の方を利用）
※2023年３月以前の成績利用時は690</t>
    <rPh sb="0" eb="4">
      <t>コベツシケン</t>
    </rPh>
    <rPh sb="5" eb="7">
      <t>エイゴ</t>
    </rPh>
    <rPh sb="9" eb="11">
      <t>トクテン</t>
    </rPh>
    <rPh sb="12" eb="14">
      <t>カンザン</t>
    </rPh>
    <rPh sb="21" eb="22">
      <t>テン</t>
    </rPh>
    <rPh sb="24" eb="26">
      <t>コベツ</t>
    </rPh>
    <rPh sb="26" eb="28">
      <t>シケン</t>
    </rPh>
    <rPh sb="29" eb="31">
      <t>エイゴ</t>
    </rPh>
    <rPh sb="33" eb="35">
      <t>ジュケン</t>
    </rPh>
    <rPh sb="36" eb="38">
      <t>ヒッス</t>
    </rPh>
    <rPh sb="39" eb="42">
      <t>コウトクテン</t>
    </rPh>
    <rPh sb="43" eb="44">
      <t>ホウ</t>
    </rPh>
    <rPh sb="45" eb="47">
      <t>リヨウ</t>
    </rPh>
    <phoneticPr fontId="4"/>
  </si>
  <si>
    <t>個別試験の得点に換算（70～100点）（個別試験「国語」と比較し、高得点の方を利用）
※2023年３月以前の成績利用時は690</t>
    <rPh sb="5" eb="7">
      <t>トクテン</t>
    </rPh>
    <rPh sb="8" eb="10">
      <t>カンザン</t>
    </rPh>
    <rPh sb="20" eb="24">
      <t>コベツシケン</t>
    </rPh>
    <rPh sb="25" eb="27">
      <t>コクゴ</t>
    </rPh>
    <rPh sb="29" eb="31">
      <t>ヒカク</t>
    </rPh>
    <rPh sb="33" eb="36">
      <t>コウトクテン</t>
    </rPh>
    <rPh sb="37" eb="38">
      <t>ホウ</t>
    </rPh>
    <rPh sb="39" eb="41">
      <t>リヨウ</t>
    </rPh>
    <phoneticPr fontId="4"/>
  </si>
  <si>
    <t>一般選抜（英語外部試験併用型）</t>
    <rPh sb="0" eb="2">
      <t>イッパン</t>
    </rPh>
    <rPh sb="2" eb="4">
      <t>センバツ</t>
    </rPh>
    <rPh sb="5" eb="9">
      <t>エイゴガイブ</t>
    </rPh>
    <rPh sb="9" eb="11">
      <t>シケン</t>
    </rPh>
    <rPh sb="11" eb="14">
      <t>ヘイヨウガタ</t>
    </rPh>
    <phoneticPr fontId="4"/>
  </si>
  <si>
    <t>個別試験または共通テスト「英語」の得点に換算（満点の60～100％）（個別試験または共通テスト「英語」の受験は必須、高得点の方を利用）
TOEICはS&amp;Wのスコアを2.5倍にして合算
※リンガスキルの利用可</t>
    <rPh sb="7" eb="9">
      <t>キョウツウ</t>
    </rPh>
    <rPh sb="13" eb="15">
      <t>エイゴ</t>
    </rPh>
    <rPh sb="17" eb="19">
      <t>トクテン</t>
    </rPh>
    <rPh sb="20" eb="22">
      <t>カンサン</t>
    </rPh>
    <rPh sb="23" eb="25">
      <t>マンテン</t>
    </rPh>
    <rPh sb="35" eb="37">
      <t>コベツ</t>
    </rPh>
    <rPh sb="37" eb="39">
      <t>シケン</t>
    </rPh>
    <rPh sb="42" eb="44">
      <t>キョウツウ</t>
    </rPh>
    <rPh sb="48" eb="50">
      <t>エイゴ</t>
    </rPh>
    <rPh sb="52" eb="54">
      <t>ジュケン</t>
    </rPh>
    <rPh sb="55" eb="57">
      <t>ヒッス</t>
    </rPh>
    <rPh sb="58" eb="61">
      <t>コウトクテン</t>
    </rPh>
    <rPh sb="62" eb="63">
      <t>ホウ</t>
    </rPh>
    <rPh sb="64" eb="66">
      <t>リヨウ</t>
    </rPh>
    <rPh sb="100" eb="102">
      <t>リヨウ</t>
    </rPh>
    <rPh sb="102" eb="103">
      <t>カ</t>
    </rPh>
    <phoneticPr fontId="4"/>
  </si>
  <si>
    <t>個別試験「英語」の得点に加点（満点の５または10％）
TOEICは他に技能ごとの基準あり
※2023年３月以前の成績利用時は690</t>
    <rPh sb="0" eb="2">
      <t>コベツ</t>
    </rPh>
    <rPh sb="2" eb="4">
      <t>シケン</t>
    </rPh>
    <rPh sb="5" eb="7">
      <t>エイゴ</t>
    </rPh>
    <rPh sb="9" eb="11">
      <t>トクテン</t>
    </rPh>
    <rPh sb="12" eb="14">
      <t>カテン</t>
    </rPh>
    <rPh sb="15" eb="17">
      <t>マンテン</t>
    </rPh>
    <rPh sb="33" eb="34">
      <t>タ</t>
    </rPh>
    <rPh sb="35" eb="37">
      <t>ギノウ</t>
    </rPh>
    <rPh sb="40" eb="42">
      <t>キジュン</t>
    </rPh>
    <phoneticPr fontId="4"/>
  </si>
  <si>
    <t>一般選抜（Ｂ日程３科目型）、共通テスト利用選抜</t>
    <rPh sb="0" eb="4">
      <t>イッパンセンバツ</t>
    </rPh>
    <rPh sb="6" eb="8">
      <t>ニッテイ</t>
    </rPh>
    <rPh sb="9" eb="12">
      <t>カモクガタ</t>
    </rPh>
    <rPh sb="14" eb="16">
      <t>キョウツウ</t>
    </rPh>
    <rPh sb="19" eb="21">
      <t>リヨウ</t>
    </rPh>
    <rPh sb="21" eb="23">
      <t>センバツ</t>
    </rPh>
    <phoneticPr fontId="4"/>
  </si>
  <si>
    <t>総点を上限に加点（５または10点）
TOEICはS&amp;Wのスコアを2.5倍にして合算</t>
    <rPh sb="0" eb="2">
      <t>ソウテン</t>
    </rPh>
    <rPh sb="3" eb="5">
      <t>ジョウゲン</t>
    </rPh>
    <rPh sb="6" eb="8">
      <t>カテン</t>
    </rPh>
    <rPh sb="15" eb="16">
      <t>テン</t>
    </rPh>
    <phoneticPr fontId="4"/>
  </si>
  <si>
    <t>共通テスト「英語」の得点に換算（70～100％）（共通テスト「外国語」の受験は必須、高得点の方を利用）
英検は２級以上受検者が対象
TOEICはS&amp;Wのスコアを2.5倍にして合算
※リンガスキル（140）の利用可</t>
    <rPh sb="31" eb="34">
      <t>ガイコクゴ</t>
    </rPh>
    <phoneticPr fontId="4"/>
  </si>
  <si>
    <t>一般選抜後期（英語外部検定試験利用方式）</t>
    <rPh sb="0" eb="2">
      <t>イッパン</t>
    </rPh>
    <rPh sb="2" eb="4">
      <t>センバツ</t>
    </rPh>
    <rPh sb="4" eb="6">
      <t>コウキ</t>
    </rPh>
    <rPh sb="7" eb="13">
      <t>エイゴガイブケンテイ</t>
    </rPh>
    <rPh sb="13" eb="15">
      <t>シケン</t>
    </rPh>
    <rPh sb="15" eb="19">
      <t>リヨウホウシキ</t>
    </rPh>
    <phoneticPr fontId="4"/>
  </si>
  <si>
    <t>一般入試（２教科型、英数型、３教科型、地歴公民重視型）、共通テスト併用方式</t>
    <rPh sb="0" eb="2">
      <t>イッパン</t>
    </rPh>
    <rPh sb="2" eb="4">
      <t>ニュウシ</t>
    </rPh>
    <rPh sb="6" eb="8">
      <t>キョウカ</t>
    </rPh>
    <rPh sb="8" eb="9">
      <t>カタ</t>
    </rPh>
    <rPh sb="10" eb="12">
      <t>エイスウ</t>
    </rPh>
    <rPh sb="12" eb="13">
      <t>ガタ</t>
    </rPh>
    <rPh sb="19" eb="21">
      <t>チレキ</t>
    </rPh>
    <rPh sb="21" eb="23">
      <t>コウミン</t>
    </rPh>
    <rPh sb="23" eb="25">
      <t>ジュウシ</t>
    </rPh>
    <rPh sb="25" eb="26">
      <t>ガタ</t>
    </rPh>
    <rPh sb="28" eb="30">
      <t>キョウツウ</t>
    </rPh>
    <rPh sb="33" eb="37">
      <t>ヘイヨウホウシキ</t>
    </rPh>
    <phoneticPr fontId="4"/>
  </si>
  <si>
    <t>個別試験「英語」の得点に換算（70～100点）（個別試験「英語」の受験は必須、高得点の方を利用）
英検は２級以上受検者が対象</t>
    <rPh sb="0" eb="2">
      <t>コベツ</t>
    </rPh>
    <rPh sb="2" eb="4">
      <t>シケン</t>
    </rPh>
    <rPh sb="5" eb="7">
      <t>エイゴ</t>
    </rPh>
    <rPh sb="21" eb="22">
      <t>テン</t>
    </rPh>
    <rPh sb="33" eb="35">
      <t>ジュケン</t>
    </rPh>
    <rPh sb="36" eb="38">
      <t>ヒッス</t>
    </rPh>
    <rPh sb="39" eb="42">
      <t>コウトクテン</t>
    </rPh>
    <rPh sb="43" eb="44">
      <t>ホウ</t>
    </rPh>
    <rPh sb="45" eb="47">
      <t>リヨウ</t>
    </rPh>
    <phoneticPr fontId="4"/>
  </si>
  <si>
    <t>個別試験「英語」の得点を満点とみなす（個別試験「英語」の受験を免除）</t>
    <rPh sb="0" eb="2">
      <t>コベツ</t>
    </rPh>
    <rPh sb="2" eb="4">
      <t>シケン</t>
    </rPh>
    <rPh sb="5" eb="7">
      <t>エイゴ</t>
    </rPh>
    <rPh sb="9" eb="11">
      <t>トクテン</t>
    </rPh>
    <rPh sb="12" eb="14">
      <t>マンテン</t>
    </rPh>
    <phoneticPr fontId="4"/>
  </si>
  <si>
    <t>一般（英語１教科を除く）、共通テスト利用</t>
    <rPh sb="0" eb="2">
      <t>イッパン</t>
    </rPh>
    <rPh sb="3" eb="5">
      <t>エイゴ</t>
    </rPh>
    <rPh sb="6" eb="8">
      <t>キョウカ</t>
    </rPh>
    <rPh sb="9" eb="10">
      <t>ノゾ</t>
    </rPh>
    <rPh sb="13" eb="15">
      <t>キョウツウ</t>
    </rPh>
    <rPh sb="18" eb="20">
      <t>リヨウ</t>
    </rPh>
    <phoneticPr fontId="4"/>
  </si>
  <si>
    <t>一般（英語１教科）</t>
    <rPh sb="0" eb="2">
      <t>イッパン</t>
    </rPh>
    <rPh sb="3" eb="5">
      <t>エイゴ</t>
    </rPh>
    <rPh sb="6" eb="8">
      <t>キョウカ</t>
    </rPh>
    <phoneticPr fontId="4"/>
  </si>
  <si>
    <t>個別試験「英語」の得点に換算（70または90点）（高得点の方を利用）
TOEICはS&amp;Wのスコアを2.5倍にして合算</t>
    <rPh sb="0" eb="2">
      <t>コベツ</t>
    </rPh>
    <rPh sb="2" eb="4">
      <t>シケン</t>
    </rPh>
    <rPh sb="5" eb="7">
      <t>エイゴ</t>
    </rPh>
    <rPh sb="9" eb="11">
      <t>トクテン</t>
    </rPh>
    <rPh sb="12" eb="14">
      <t>カンサン</t>
    </rPh>
    <rPh sb="22" eb="23">
      <t>テン</t>
    </rPh>
    <rPh sb="25" eb="28">
      <t>コウトクテン</t>
    </rPh>
    <rPh sb="29" eb="30">
      <t>ホウ</t>
    </rPh>
    <rPh sb="31" eb="33">
      <t>リヨウ</t>
    </rPh>
    <phoneticPr fontId="4"/>
  </si>
  <si>
    <t>一般選抜、共通テスト利用型、共通テスト併用型</t>
    <rPh sb="0" eb="2">
      <t>イッパン</t>
    </rPh>
    <rPh sb="2" eb="4">
      <t>センバツ</t>
    </rPh>
    <rPh sb="5" eb="7">
      <t>キョウツウ</t>
    </rPh>
    <rPh sb="10" eb="12">
      <t>リヨウ</t>
    </rPh>
    <rPh sb="12" eb="13">
      <t>カタ</t>
    </rPh>
    <rPh sb="14" eb="16">
      <t>キョウツウ</t>
    </rPh>
    <rPh sb="19" eb="21">
      <t>ヘイヨウ</t>
    </rPh>
    <rPh sb="21" eb="22">
      <t>ガタ</t>
    </rPh>
    <phoneticPr fontId="4"/>
  </si>
  <si>
    <t>個別試験「英語」の得点に換算（80点）（個別試験「英語」の受験を免除）</t>
    <rPh sb="0" eb="2">
      <t>コベツ</t>
    </rPh>
    <rPh sb="2" eb="4">
      <t>シケン</t>
    </rPh>
    <rPh sb="5" eb="7">
      <t>エイゴ</t>
    </rPh>
    <rPh sb="9" eb="11">
      <t>トクテン</t>
    </rPh>
    <rPh sb="12" eb="14">
      <t>カンサン</t>
    </rPh>
    <rPh sb="17" eb="18">
      <t>テン</t>
    </rPh>
    <phoneticPr fontId="4"/>
  </si>
  <si>
    <t>共通テスト「英語」の得点に換算（70～100点）（受験した場合は高得点の方を利用）
英検は２級以上受検者が対象
TOEICはS&amp;Wのスコアを2.5倍にして合算
※2023年３月以前の成績利用時は960</t>
    <rPh sb="0" eb="2">
      <t>キョウツウ</t>
    </rPh>
    <rPh sb="6" eb="8">
      <t>エイゴ</t>
    </rPh>
    <rPh sb="10" eb="12">
      <t>トクテン</t>
    </rPh>
    <rPh sb="13" eb="15">
      <t>カンサン</t>
    </rPh>
    <rPh sb="22" eb="23">
      <t>テン</t>
    </rPh>
    <rPh sb="42" eb="44">
      <t>エイケン</t>
    </rPh>
    <rPh sb="46" eb="47">
      <t>キュウ</t>
    </rPh>
    <rPh sb="47" eb="49">
      <t>イジョウ</t>
    </rPh>
    <rPh sb="53" eb="55">
      <t>タイショウ</t>
    </rPh>
    <phoneticPr fontId="4"/>
  </si>
  <si>
    <t>一般後期、共通テスト利用（後期日程）、共通テストプラス方式（後期日程）</t>
    <rPh sb="0" eb="2">
      <t>イッパン</t>
    </rPh>
    <rPh sb="2" eb="4">
      <t>コウキ</t>
    </rPh>
    <rPh sb="5" eb="7">
      <t>キョウツウ</t>
    </rPh>
    <rPh sb="10" eb="12">
      <t>リヨウ</t>
    </rPh>
    <rPh sb="13" eb="15">
      <t>コウキ</t>
    </rPh>
    <rPh sb="15" eb="17">
      <t>ニッテイ</t>
    </rPh>
    <rPh sb="19" eb="21">
      <t>キョウツウ</t>
    </rPh>
    <rPh sb="27" eb="29">
      <t>ホウシキ</t>
    </rPh>
    <rPh sb="30" eb="32">
      <t>コウキ</t>
    </rPh>
    <rPh sb="32" eb="34">
      <t>ニッテイ</t>
    </rPh>
    <phoneticPr fontId="4"/>
  </si>
  <si>
    <t>個別試験「英語」の得点に換算（英語受験者の平均点または平均点に10点加算した得点）（歯学部のみ、受験した場合は高得点の方を利用）
TOEFL iBTはMyBestスコアも利用可</t>
    <rPh sb="0" eb="2">
      <t>コベツ</t>
    </rPh>
    <rPh sb="2" eb="4">
      <t>シケン</t>
    </rPh>
    <rPh sb="5" eb="7">
      <t>エイゴ</t>
    </rPh>
    <rPh sb="9" eb="11">
      <t>トクテン</t>
    </rPh>
    <rPh sb="12" eb="14">
      <t>カンサン</t>
    </rPh>
    <rPh sb="15" eb="17">
      <t>エイゴ</t>
    </rPh>
    <rPh sb="17" eb="20">
      <t>ジュケンシャ</t>
    </rPh>
    <rPh sb="21" eb="24">
      <t>ヘイキンテン</t>
    </rPh>
    <rPh sb="27" eb="30">
      <t>ヘイキンテン</t>
    </rPh>
    <rPh sb="33" eb="34">
      <t>テン</t>
    </rPh>
    <rPh sb="34" eb="36">
      <t>カサン</t>
    </rPh>
    <rPh sb="38" eb="40">
      <t>トクテン</t>
    </rPh>
    <rPh sb="42" eb="43">
      <t>ハ</t>
    </rPh>
    <rPh sb="43" eb="45">
      <t>ガクブ</t>
    </rPh>
    <rPh sb="48" eb="50">
      <t>ジュケン</t>
    </rPh>
    <rPh sb="52" eb="54">
      <t>バアイ</t>
    </rPh>
    <rPh sb="55" eb="58">
      <t>コウトクテン</t>
    </rPh>
    <rPh sb="59" eb="60">
      <t>ホウ</t>
    </rPh>
    <rPh sb="61" eb="63">
      <t>リヨウ</t>
    </rPh>
    <phoneticPr fontId="4"/>
  </si>
  <si>
    <t>一般入試、共通テスト利用</t>
    <rPh sb="0" eb="2">
      <t>イッパン</t>
    </rPh>
    <rPh sb="2" eb="4">
      <t>ニュウシ</t>
    </rPh>
    <rPh sb="5" eb="7">
      <t>キョウツウ</t>
    </rPh>
    <rPh sb="10" eb="12">
      <t>リヨウ</t>
    </rPh>
    <phoneticPr fontId="4"/>
  </si>
  <si>
    <t>個別試験または共通テスト「英語」の得点に換算（70～100点）（高得点の方を利用）
TOEICはS&amp;Wのスコアを2.5倍にして合算</t>
    <rPh sb="0" eb="4">
      <t>コベツシケン</t>
    </rPh>
    <rPh sb="7" eb="9">
      <t>キョウツウ</t>
    </rPh>
    <rPh sb="13" eb="15">
      <t>エイゴ</t>
    </rPh>
    <rPh sb="17" eb="19">
      <t>トクテン</t>
    </rPh>
    <rPh sb="20" eb="22">
      <t>カンサン</t>
    </rPh>
    <rPh sb="29" eb="30">
      <t>テン</t>
    </rPh>
    <rPh sb="32" eb="35">
      <t>コウトクテン</t>
    </rPh>
    <rPh sb="36" eb="37">
      <t>ホウ</t>
    </rPh>
    <rPh sb="38" eb="40">
      <t>リヨウ</t>
    </rPh>
    <phoneticPr fontId="4"/>
  </si>
  <si>
    <t>個別試験「英語」の得点に換算（70～100点）（個別試験「英語」の受験は必須、高得点の方を利用）
TOEICはS&amp;Wのスコアを2.5倍にして合算
※2023年３月以前の成績利用時は690</t>
    <rPh sb="0" eb="2">
      <t>コベツ</t>
    </rPh>
    <rPh sb="2" eb="4">
      <t>シケン</t>
    </rPh>
    <rPh sb="12" eb="14">
      <t>カンザン</t>
    </rPh>
    <rPh sb="21" eb="22">
      <t>テン</t>
    </rPh>
    <rPh sb="81" eb="83">
      <t>イゼン</t>
    </rPh>
    <rPh sb="84" eb="86">
      <t>セイセキ</t>
    </rPh>
    <rPh sb="86" eb="89">
      <t>リヨウジ</t>
    </rPh>
    <phoneticPr fontId="4"/>
  </si>
  <si>
    <t>一般入試（２教科型英語外部試験利用方式）</t>
    <rPh sb="0" eb="2">
      <t>イッパン</t>
    </rPh>
    <rPh sb="2" eb="4">
      <t>ニュウシ</t>
    </rPh>
    <rPh sb="6" eb="9">
      <t>キョウカガタ</t>
    </rPh>
    <rPh sb="9" eb="11">
      <t>エイゴ</t>
    </rPh>
    <rPh sb="11" eb="13">
      <t>ガイブ</t>
    </rPh>
    <rPh sb="13" eb="15">
      <t>シケン</t>
    </rPh>
    <rPh sb="15" eb="17">
      <t>リヨウ</t>
    </rPh>
    <rPh sb="17" eb="19">
      <t>ホウシキ</t>
    </rPh>
    <phoneticPr fontId="4"/>
  </si>
  <si>
    <t>共通テスト利用入試（前期２科目型英語外部試験重視方式）</t>
    <rPh sb="0" eb="2">
      <t>キョウツウ</t>
    </rPh>
    <rPh sb="5" eb="7">
      <t>リヨウ</t>
    </rPh>
    <rPh sb="7" eb="9">
      <t>ニュウシ</t>
    </rPh>
    <rPh sb="10" eb="12">
      <t>ゼンキ</t>
    </rPh>
    <rPh sb="13" eb="16">
      <t>カモクガタ</t>
    </rPh>
    <rPh sb="16" eb="18">
      <t>エイゴ</t>
    </rPh>
    <rPh sb="18" eb="20">
      <t>ガイブ</t>
    </rPh>
    <rPh sb="20" eb="22">
      <t>シケン</t>
    </rPh>
    <rPh sb="22" eb="24">
      <t>ジュウシ</t>
    </rPh>
    <rPh sb="24" eb="26">
      <t>ホウシキ</t>
    </rPh>
    <phoneticPr fontId="4"/>
  </si>
  <si>
    <t>文芸（文－英語英米文学）、国際</t>
    <rPh sb="0" eb="2">
      <t>ブンゲイ</t>
    </rPh>
    <rPh sb="3" eb="4">
      <t>ブン</t>
    </rPh>
    <rPh sb="5" eb="7">
      <t>エイゴ</t>
    </rPh>
    <rPh sb="7" eb="9">
      <t>エイベイ</t>
    </rPh>
    <rPh sb="9" eb="11">
      <t>ブンガク</t>
    </rPh>
    <rPh sb="13" eb="15">
      <t>コクサイ</t>
    </rPh>
    <phoneticPr fontId="4"/>
  </si>
  <si>
    <t>個別試験「外国語」の得点に換算（70～100点）（個別試験「外国語」の受験は必須、高得点の方を利用）
英検は２級以上受検者が対象
TOEICは他に技能ごとの基準あり
※リンガスキルの利用可</t>
    <rPh sb="0" eb="2">
      <t>コベツ</t>
    </rPh>
    <rPh sb="2" eb="4">
      <t>シケン</t>
    </rPh>
    <rPh sb="5" eb="8">
      <t>ガイコクゴ</t>
    </rPh>
    <rPh sb="10" eb="12">
      <t>トクテン</t>
    </rPh>
    <rPh sb="13" eb="15">
      <t>カンサン</t>
    </rPh>
    <rPh sb="22" eb="23">
      <t>テン</t>
    </rPh>
    <rPh sb="25" eb="27">
      <t>コベツ</t>
    </rPh>
    <rPh sb="27" eb="29">
      <t>シケン</t>
    </rPh>
    <rPh sb="30" eb="33">
      <t>ガイコクゴ</t>
    </rPh>
    <rPh sb="35" eb="37">
      <t>ジュケン</t>
    </rPh>
    <rPh sb="38" eb="40">
      <t>ヒッス</t>
    </rPh>
    <rPh sb="41" eb="44">
      <t>コウトクテン</t>
    </rPh>
    <rPh sb="45" eb="46">
      <t>ホウ</t>
    </rPh>
    <rPh sb="47" eb="49">
      <t>リヨウ</t>
    </rPh>
    <rPh sb="71" eb="72">
      <t>ホカ</t>
    </rPh>
    <rPh sb="73" eb="75">
      <t>ギノウ</t>
    </rPh>
    <rPh sb="78" eb="80">
      <t>キジュン</t>
    </rPh>
    <rPh sb="91" eb="94">
      <t>リヨウカ</t>
    </rPh>
    <phoneticPr fontId="4"/>
  </si>
  <si>
    <t>一般選抜（前期、中期）、共通テスト併用型</t>
    <rPh sb="0" eb="2">
      <t>イッパン</t>
    </rPh>
    <rPh sb="2" eb="4">
      <t>センバツ</t>
    </rPh>
    <rPh sb="5" eb="7">
      <t>ゼンキ</t>
    </rPh>
    <rPh sb="8" eb="10">
      <t>チュウキ</t>
    </rPh>
    <rPh sb="12" eb="14">
      <t>キョウツウ</t>
    </rPh>
    <rPh sb="17" eb="20">
      <t>ヘイヨウガタ</t>
    </rPh>
    <phoneticPr fontId="4"/>
  </si>
  <si>
    <t>個別試験「英語」の得点に換算（70～100％）（受験した場合は高得点の方を利用）
TOEICはS&amp;Wのスコアを2.5倍にして合算</t>
    <rPh sb="0" eb="2">
      <t>コベツ</t>
    </rPh>
    <rPh sb="2" eb="4">
      <t>シケン</t>
    </rPh>
    <rPh sb="5" eb="7">
      <t>エイゴ</t>
    </rPh>
    <rPh sb="9" eb="11">
      <t>トクテン</t>
    </rPh>
    <rPh sb="12" eb="14">
      <t>カンサン</t>
    </rPh>
    <rPh sb="24" eb="26">
      <t>ジュケン</t>
    </rPh>
    <rPh sb="28" eb="30">
      <t>バアイ</t>
    </rPh>
    <rPh sb="31" eb="34">
      <t>コウトクテン</t>
    </rPh>
    <rPh sb="35" eb="36">
      <t>ホウ</t>
    </rPh>
    <rPh sb="37" eb="39">
      <t>リヨウ</t>
    </rPh>
    <phoneticPr fontId="4"/>
  </si>
  <si>
    <t>個別試験または共通テスト「英語」の得点に換算（70～100％）（個別試験または共通テスト「英語」の受験は必須、高得点の方を利用（満点換算の場合は個別試験「英語」の受験を免除））
英検は２級以上受検者が対象
TOEICはS&amp;Wのスコアを2.5倍にして合算
※リンガスキルの利用可</t>
    <rPh sb="0" eb="4">
      <t>コベツシケン</t>
    </rPh>
    <rPh sb="7" eb="9">
      <t>キョウツウ</t>
    </rPh>
    <rPh sb="13" eb="15">
      <t>エイゴ</t>
    </rPh>
    <rPh sb="17" eb="19">
      <t>トクテン</t>
    </rPh>
    <rPh sb="20" eb="22">
      <t>カンサン</t>
    </rPh>
    <rPh sb="49" eb="51">
      <t>ジュケン</t>
    </rPh>
    <rPh sb="52" eb="54">
      <t>ヒッス</t>
    </rPh>
    <rPh sb="55" eb="58">
      <t>コウトクテン</t>
    </rPh>
    <rPh sb="59" eb="60">
      <t>ホウ</t>
    </rPh>
    <rPh sb="61" eb="63">
      <t>リヨウ</t>
    </rPh>
    <rPh sb="64" eb="66">
      <t>マンテン</t>
    </rPh>
    <rPh sb="66" eb="68">
      <t>カンサン</t>
    </rPh>
    <rPh sb="69" eb="71">
      <t>バアイ</t>
    </rPh>
    <rPh sb="72" eb="74">
      <t>コベツ</t>
    </rPh>
    <rPh sb="74" eb="76">
      <t>シケン</t>
    </rPh>
    <rPh sb="77" eb="79">
      <t>エイゴ</t>
    </rPh>
    <rPh sb="81" eb="83">
      <t>ジュケン</t>
    </rPh>
    <rPh sb="84" eb="86">
      <t>メンジョ</t>
    </rPh>
    <phoneticPr fontId="4"/>
  </si>
  <si>
    <t>一般選抜（２・３科目）</t>
    <rPh sb="2" eb="4">
      <t>センバツ</t>
    </rPh>
    <rPh sb="8" eb="10">
      <t>カモク</t>
    </rPh>
    <phoneticPr fontId="4"/>
  </si>
  <si>
    <t>全学部（中期は理工－物理、機能分子化学を除く）</t>
    <rPh sb="4" eb="6">
      <t>チュウキ</t>
    </rPh>
    <rPh sb="7" eb="9">
      <t>リコウ</t>
    </rPh>
    <rPh sb="10" eb="12">
      <t>ブツリ</t>
    </rPh>
    <rPh sb="13" eb="17">
      <t>キノウブンシ</t>
    </rPh>
    <rPh sb="17" eb="19">
      <t>カガク</t>
    </rPh>
    <rPh sb="20" eb="21">
      <t>ノゾ</t>
    </rPh>
    <phoneticPr fontId="4"/>
  </si>
  <si>
    <t>一般選抜、Ｂ日程共通テストプラス型</t>
    <rPh sb="0" eb="2">
      <t>イッパン</t>
    </rPh>
    <rPh sb="2" eb="4">
      <t>センバツ</t>
    </rPh>
    <rPh sb="6" eb="8">
      <t>ニッテイ</t>
    </rPh>
    <rPh sb="8" eb="10">
      <t>キョウツウ</t>
    </rPh>
    <rPh sb="16" eb="17">
      <t>ガタ</t>
    </rPh>
    <phoneticPr fontId="4"/>
  </si>
  <si>
    <t>個別試験「英語」の得点に換算（75～100点）（個別試験「英語」の受験は必須、高得点の方を利用）</t>
    <rPh sb="0" eb="2">
      <t>コベツ</t>
    </rPh>
    <rPh sb="2" eb="4">
      <t>シケン</t>
    </rPh>
    <rPh sb="5" eb="7">
      <t>エイゴ</t>
    </rPh>
    <rPh sb="9" eb="11">
      <t>トクテン</t>
    </rPh>
    <rPh sb="12" eb="14">
      <t>カンサン</t>
    </rPh>
    <rPh sb="21" eb="22">
      <t>テン</t>
    </rPh>
    <rPh sb="39" eb="42">
      <t>コウトクテン</t>
    </rPh>
    <rPh sb="43" eb="44">
      <t>ホウ</t>
    </rPh>
    <rPh sb="45" eb="47">
      <t>リヨウ</t>
    </rPh>
    <phoneticPr fontId="4"/>
  </si>
  <si>
    <t xml:space="preserve">個別試験「英語」の得点に換算（80～100点）（高得点の方を利用）
</t>
    <rPh sb="0" eb="4">
      <t>コベツシケン</t>
    </rPh>
    <rPh sb="5" eb="7">
      <t>エイゴ</t>
    </rPh>
    <rPh sb="9" eb="11">
      <t>トクテン</t>
    </rPh>
    <rPh sb="12" eb="14">
      <t>カンサン</t>
    </rPh>
    <rPh sb="21" eb="22">
      <t>テン</t>
    </rPh>
    <rPh sb="24" eb="27">
      <t>コウトクテン</t>
    </rPh>
    <rPh sb="28" eb="29">
      <t>ホウ</t>
    </rPh>
    <rPh sb="30" eb="32">
      <t>リヨウ</t>
    </rPh>
    <phoneticPr fontId="4"/>
  </si>
  <si>
    <t>個別試験「英語」の得点を満点とみなす（満点換算の場合は「英語」の受験を免除）
※TOEICはS&amp;Wも利用可（L&amp;R750点以上と同等に換算）</t>
    <rPh sb="19" eb="23">
      <t>マンテンカンサン</t>
    </rPh>
    <rPh sb="24" eb="26">
      <t>バアイ</t>
    </rPh>
    <rPh sb="28" eb="30">
      <t>エイゴ</t>
    </rPh>
    <rPh sb="32" eb="34">
      <t>ジュケン</t>
    </rPh>
    <rPh sb="35" eb="37">
      <t>メンジョ</t>
    </rPh>
    <rPh sb="50" eb="53">
      <t>リヨウカ</t>
    </rPh>
    <rPh sb="60" eb="63">
      <t>テンイジョウ</t>
    </rPh>
    <rPh sb="64" eb="66">
      <t>ドウトウ</t>
    </rPh>
    <rPh sb="67" eb="69">
      <t>カンサン</t>
    </rPh>
    <phoneticPr fontId="4"/>
  </si>
  <si>
    <t>共通テスト「英語」の得点に換算（80または100％）（高得点の方を利用）
※2023年３月以前の成績利用時は960</t>
    <rPh sb="10" eb="12">
      <t>トクテン</t>
    </rPh>
    <rPh sb="13" eb="15">
      <t>カンザン</t>
    </rPh>
    <rPh sb="27" eb="30">
      <t>コウトクテン</t>
    </rPh>
    <rPh sb="31" eb="32">
      <t>ホウ</t>
    </rPh>
    <rPh sb="33" eb="35">
      <t>リヨウ</t>
    </rPh>
    <rPh sb="45" eb="47">
      <t>イゼン</t>
    </rPh>
    <rPh sb="47" eb="49">
      <t>セイセキ</t>
    </rPh>
    <rPh sb="49" eb="52">
      <t>リヨウジ</t>
    </rPh>
    <phoneticPr fontId="4"/>
  </si>
  <si>
    <t>一般選抜（Ａ・Ｂ日程）、共通テスト成績利用入試</t>
    <rPh sb="0" eb="4">
      <t>イッパンセンバツ</t>
    </rPh>
    <rPh sb="8" eb="10">
      <t>ニッテイ</t>
    </rPh>
    <rPh sb="12" eb="14">
      <t>キョウツウ</t>
    </rPh>
    <rPh sb="17" eb="19">
      <t>セイセキ</t>
    </rPh>
    <rPh sb="19" eb="21">
      <t>リヨウ</t>
    </rPh>
    <rPh sb="21" eb="23">
      <t>ニュウシ</t>
    </rPh>
    <phoneticPr fontId="4"/>
  </si>
  <si>
    <t>個別試験「外国語」の得点に換算（75または85点）（個別試験「外国語」の受験は必須、高得点の方を利用）</t>
    <rPh sb="0" eb="2">
      <t>コベツ</t>
    </rPh>
    <rPh sb="2" eb="4">
      <t>シケン</t>
    </rPh>
    <rPh sb="5" eb="8">
      <t>ガイコクゴ</t>
    </rPh>
    <rPh sb="10" eb="12">
      <t>トクテン</t>
    </rPh>
    <rPh sb="13" eb="15">
      <t>カンサン</t>
    </rPh>
    <rPh sb="23" eb="24">
      <t>テン</t>
    </rPh>
    <rPh sb="31" eb="34">
      <t>ガイコクゴ</t>
    </rPh>
    <rPh sb="36" eb="38">
      <t>ジュケン</t>
    </rPh>
    <rPh sb="39" eb="41">
      <t>ヒッス</t>
    </rPh>
    <rPh sb="42" eb="45">
      <t>コウトクテン</t>
    </rPh>
    <rPh sb="46" eb="47">
      <t>ホウ</t>
    </rPh>
    <rPh sb="48" eb="50">
      <t>リヨウ</t>
    </rPh>
    <phoneticPr fontId="4"/>
  </si>
  <si>
    <t>総点に加点（３～10点）</t>
    <rPh sb="0" eb="2">
      <t>ソウテン</t>
    </rPh>
    <rPh sb="3" eb="5">
      <t>カテン</t>
    </rPh>
    <rPh sb="10" eb="11">
      <t>テン</t>
    </rPh>
    <phoneticPr fontId="4"/>
  </si>
  <si>
    <t>流通科学、栄養科学（フード･マネジメント）</t>
    <rPh sb="0" eb="2">
      <t>リュウツウ</t>
    </rPh>
    <rPh sb="2" eb="4">
      <t>カガク</t>
    </rPh>
    <rPh sb="5" eb="7">
      <t>エイヨウ</t>
    </rPh>
    <rPh sb="7" eb="9">
      <t>カガク</t>
    </rPh>
    <phoneticPr fontId="4"/>
  </si>
  <si>
    <t>共通テスト「英語」の満点を上限に加点（10または30点）
※2023年３月以前の成績利用時は960</t>
    <rPh sb="0" eb="2">
      <t>キョウツウ</t>
    </rPh>
    <rPh sb="6" eb="8">
      <t>エイゴ</t>
    </rPh>
    <rPh sb="10" eb="12">
      <t>マンテン</t>
    </rPh>
    <rPh sb="13" eb="15">
      <t>ジョウゲン</t>
    </rPh>
    <rPh sb="16" eb="18">
      <t>カテン</t>
    </rPh>
    <rPh sb="26" eb="27">
      <t>テン</t>
    </rPh>
    <rPh sb="37" eb="39">
      <t>イゼン</t>
    </rPh>
    <phoneticPr fontId="4"/>
  </si>
  <si>
    <t>共通テスト利用選抜（Ⅱ・Ⅲ期）</t>
    <rPh sb="5" eb="7">
      <t>リヨウ</t>
    </rPh>
    <rPh sb="7" eb="9">
      <t>センバツ</t>
    </rPh>
    <rPh sb="13" eb="14">
      <t>キ</t>
    </rPh>
    <phoneticPr fontId="4"/>
  </si>
  <si>
    <t>共通テスト「英語」の満点を上限に加点（５～20点）
TOEICはS&amp;Wのスコアを2.5倍にして合算
※2023年３月以前の成績利用時は690</t>
    <rPh sb="0" eb="2">
      <t>キョウツウ</t>
    </rPh>
    <rPh sb="10" eb="12">
      <t>マンテン</t>
    </rPh>
    <rPh sb="13" eb="15">
      <t>ジョウゲン</t>
    </rPh>
    <rPh sb="16" eb="18">
      <t>カテン</t>
    </rPh>
    <rPh sb="23" eb="24">
      <t>テン</t>
    </rPh>
    <phoneticPr fontId="4"/>
  </si>
  <si>
    <t>共通テスト「外国語」の満点を上限に加点（20または40点）</t>
    <rPh sb="0" eb="2">
      <t>キョウツウ</t>
    </rPh>
    <rPh sb="6" eb="9">
      <t>ガイコクゴ</t>
    </rPh>
    <rPh sb="11" eb="13">
      <t>マンテン</t>
    </rPh>
    <rPh sb="14" eb="16">
      <t>ジョウゲン</t>
    </rPh>
    <rPh sb="17" eb="19">
      <t>カテン</t>
    </rPh>
    <rPh sb="27" eb="28">
      <t>テン</t>
    </rPh>
    <phoneticPr fontId="4"/>
  </si>
  <si>
    <t>個別試験「英語」の得点に換算（65～100点）（個別試験「英語」の受験は必須、高得点の方を利用）
※2023年３月以前の成績利用時は690</t>
    <rPh sb="0" eb="2">
      <t>コベツ</t>
    </rPh>
    <rPh sb="2" eb="4">
      <t>シケン</t>
    </rPh>
    <rPh sb="5" eb="7">
      <t>エイゴ</t>
    </rPh>
    <rPh sb="9" eb="11">
      <t>トクテン</t>
    </rPh>
    <rPh sb="12" eb="14">
      <t>カンサン</t>
    </rPh>
    <rPh sb="21" eb="22">
      <t>テン</t>
    </rPh>
    <rPh sb="24" eb="28">
      <t>コベツシケン</t>
    </rPh>
    <rPh sb="29" eb="31">
      <t>エイゴ</t>
    </rPh>
    <rPh sb="33" eb="35">
      <t>ジュケン</t>
    </rPh>
    <rPh sb="36" eb="38">
      <t>ヒッス</t>
    </rPh>
    <rPh sb="39" eb="42">
      <t>コウトクテン</t>
    </rPh>
    <rPh sb="43" eb="44">
      <t>ホウ</t>
    </rPh>
    <rPh sb="45" eb="47">
      <t>リヨウ</t>
    </rPh>
    <phoneticPr fontId="4"/>
  </si>
  <si>
    <t>個別試験「外国語」の得点に換算（65～100点※薬は25～50点）
TOEICはS&amp;Wのスコアを2.5倍にして合算
※2023年３月以前の成績利用時は690</t>
    <rPh sb="0" eb="4">
      <t>コベツシケン</t>
    </rPh>
    <rPh sb="5" eb="8">
      <t>ガイコクゴ</t>
    </rPh>
    <rPh sb="10" eb="12">
      <t>トクテン</t>
    </rPh>
    <rPh sb="13" eb="15">
      <t>カンサン</t>
    </rPh>
    <rPh sb="22" eb="23">
      <t>テン</t>
    </rPh>
    <rPh sb="24" eb="25">
      <t>ヤク</t>
    </rPh>
    <rPh sb="31" eb="32">
      <t>テン</t>
    </rPh>
    <phoneticPr fontId="4"/>
  </si>
  <si>
    <t>個別試験「外国語」の満点を上限に加点（５～15点）
TOEICはS&amp;Wのスコアを2.5倍にして合算
※2023年３月以前の成績利用時は690</t>
    <rPh sb="0" eb="4">
      <t>コベツシケン</t>
    </rPh>
    <rPh sb="5" eb="8">
      <t>ガイコクゴ</t>
    </rPh>
    <rPh sb="10" eb="12">
      <t>マンテン</t>
    </rPh>
    <rPh sb="13" eb="15">
      <t>ジョウゲン</t>
    </rPh>
    <rPh sb="16" eb="18">
      <t>カテン</t>
    </rPh>
    <rPh sb="23" eb="24">
      <t>テン</t>
    </rPh>
    <phoneticPr fontId="4"/>
  </si>
  <si>
    <t>個別試験「英語」の満点を上限に加点（10または20%）</t>
    <rPh sb="0" eb="2">
      <t>コベツ</t>
    </rPh>
    <rPh sb="2" eb="4">
      <t>シケン</t>
    </rPh>
    <rPh sb="5" eb="7">
      <t>エイゴ</t>
    </rPh>
    <rPh sb="9" eb="11">
      <t>マンテン</t>
    </rPh>
    <rPh sb="12" eb="14">
      <t>ジョウゲン</t>
    </rPh>
    <rPh sb="15" eb="17">
      <t>カテン</t>
    </rPh>
    <phoneticPr fontId="4"/>
  </si>
  <si>
    <t>個別試験または共通テストの満点を上限に加点（５～15点）
TOEICはS&amp;Wのスコアを2.5倍にして合算</t>
    <rPh sb="0" eb="2">
      <t>コベツ</t>
    </rPh>
    <rPh sb="2" eb="4">
      <t>シケン</t>
    </rPh>
    <rPh sb="7" eb="9">
      <t>キョウツウ</t>
    </rPh>
    <rPh sb="13" eb="15">
      <t>マンテン</t>
    </rPh>
    <rPh sb="16" eb="18">
      <t>ジョウゲン</t>
    </rPh>
    <rPh sb="19" eb="21">
      <t>カテン</t>
    </rPh>
    <rPh sb="26" eb="27">
      <t>テン</t>
    </rPh>
    <phoneticPr fontId="4"/>
  </si>
  <si>
    <t>個別試験または共通テスト「英語」の得点に換算（60～100％）（個別試験または共通テスト「英語」の受験は必須、高得点の方を利用）
TOEFL iBTはMyBestスコアも利用可
TOEICはS&amp;Wのスコアを2.5倍にして合算
※リンガスキルの利用可</t>
    <rPh sb="7" eb="9">
      <t>キョウツウ</t>
    </rPh>
    <rPh sb="39" eb="41">
      <t>キョウツウ</t>
    </rPh>
    <rPh sb="106" eb="107">
      <t>バイ</t>
    </rPh>
    <rPh sb="110" eb="112">
      <t>ガッサン</t>
    </rPh>
    <phoneticPr fontId="4"/>
  </si>
  <si>
    <t>１月６日現在、河合塾調べ</t>
    <rPh sb="1" eb="2">
      <t>ガツ</t>
    </rPh>
    <rPh sb="3" eb="4">
      <t>ニチ</t>
    </rPh>
    <rPh sb="4" eb="6">
      <t>ゲンザイ</t>
    </rPh>
    <rPh sb="7" eb="11">
      <t>カワイジュクシラ</t>
    </rPh>
    <phoneticPr fontId="4"/>
  </si>
  <si>
    <t>個別試験「外国語」の満点を上限に加点（40点）または満点とみなす（満点換算の場合は個別試験「外国語」の受験を免除）
英検は受検級の指定あり
TOEICはS&amp;Wのスコアを2.5倍にして合算</t>
    <rPh sb="0" eb="4">
      <t>コベツシケン</t>
    </rPh>
    <rPh sb="5" eb="8">
      <t>ガイコクゴ</t>
    </rPh>
    <rPh sb="10" eb="12">
      <t>マンテン</t>
    </rPh>
    <rPh sb="13" eb="15">
      <t>ジョウゲン</t>
    </rPh>
    <rPh sb="16" eb="18">
      <t>カテン</t>
    </rPh>
    <rPh sb="21" eb="22">
      <t>テン</t>
    </rPh>
    <rPh sb="26" eb="28">
      <t>マンテン</t>
    </rPh>
    <rPh sb="33" eb="35">
      <t>マンテン</t>
    </rPh>
    <rPh sb="35" eb="37">
      <t>カンサン</t>
    </rPh>
    <rPh sb="38" eb="40">
      <t>バアイ</t>
    </rPh>
    <rPh sb="41" eb="43">
      <t>コベツ</t>
    </rPh>
    <rPh sb="43" eb="45">
      <t>シケン</t>
    </rPh>
    <rPh sb="46" eb="49">
      <t>ガイコクゴ</t>
    </rPh>
    <rPh sb="51" eb="53">
      <t>ジュケン</t>
    </rPh>
    <rPh sb="54" eb="56">
      <t>メンジョ</t>
    </rPh>
    <rPh sb="58" eb="60">
      <t>エイケン</t>
    </rPh>
    <rPh sb="65" eb="67">
      <t>シテイ</t>
    </rPh>
    <phoneticPr fontId="4"/>
  </si>
  <si>
    <t xml:space="preserve">個別試験「英語」の得点を満点とみなす（個別試験「英語」の受験を免除）
</t>
    <rPh sb="0" eb="2">
      <t>コベツ</t>
    </rPh>
    <rPh sb="2" eb="4">
      <t>シケン</t>
    </rPh>
    <rPh sb="5" eb="7">
      <t>エイゴ</t>
    </rPh>
    <rPh sb="9" eb="11">
      <t>トクテン</t>
    </rPh>
    <rPh sb="12" eb="14">
      <t>マンテン</t>
    </rPh>
    <rPh sb="24" eb="26">
      <t>エイゴ</t>
    </rPh>
    <phoneticPr fontId="4"/>
  </si>
  <si>
    <t>個別試験「外国語」の得点を満点とみなす（個別試験「外国語」の受験を免除）
他に技能ごとの基準あり</t>
    <rPh sb="0" eb="2">
      <t>コベツ</t>
    </rPh>
    <rPh sb="2" eb="4">
      <t>シケン</t>
    </rPh>
    <rPh sb="5" eb="8">
      <t>ガイコクゴ</t>
    </rPh>
    <rPh sb="10" eb="12">
      <t>トクテン</t>
    </rPh>
    <rPh sb="37" eb="38">
      <t>ホカ</t>
    </rPh>
    <phoneticPr fontId="4"/>
  </si>
  <si>
    <t>一般前期３科目型、一般前期２科目型、一般前期２科目＋共通テスト利用入試</t>
    <rPh sb="0" eb="2">
      <t>イッパン</t>
    </rPh>
    <rPh sb="2" eb="3">
      <t>ゼン</t>
    </rPh>
    <rPh sb="3" eb="4">
      <t>キ</t>
    </rPh>
    <rPh sb="5" eb="7">
      <t>カモク</t>
    </rPh>
    <rPh sb="7" eb="8">
      <t>ガタ</t>
    </rPh>
    <rPh sb="18" eb="20">
      <t>イッパン</t>
    </rPh>
    <rPh sb="20" eb="22">
      <t>ゼンキ</t>
    </rPh>
    <rPh sb="23" eb="25">
      <t>カモク</t>
    </rPh>
    <rPh sb="26" eb="28">
      <t>キョウツウ</t>
    </rPh>
    <rPh sb="31" eb="33">
      <t>リヨウ</t>
    </rPh>
    <rPh sb="33" eb="35">
      <t>ニュウシ</t>
    </rPh>
    <phoneticPr fontId="4"/>
  </si>
  <si>
    <t>個別試験「英語」の得点に換算（80～100点）（受験した場合は高得点の方を利用）
英検は２級以上受検者が対象
TOEICはS&amp;Wのスコアを2.5倍にして合算</t>
    <rPh sb="0" eb="2">
      <t>コベツ</t>
    </rPh>
    <rPh sb="2" eb="4">
      <t>シケン</t>
    </rPh>
    <rPh sb="5" eb="7">
      <t>エイゴ</t>
    </rPh>
    <rPh sb="9" eb="11">
      <t>トクテン</t>
    </rPh>
    <rPh sb="12" eb="14">
      <t>カンサン</t>
    </rPh>
    <rPh sb="21" eb="22">
      <t>テン</t>
    </rPh>
    <rPh sb="24" eb="26">
      <t>ジュケン</t>
    </rPh>
    <rPh sb="28" eb="30">
      <t>バアイ</t>
    </rPh>
    <rPh sb="31" eb="34">
      <t>コウトクテン</t>
    </rPh>
    <rPh sb="35" eb="36">
      <t>ホウ</t>
    </rPh>
    <rPh sb="37" eb="39">
      <t>リヨウ</t>
    </rPh>
    <rPh sb="41" eb="43">
      <t>エイケン</t>
    </rPh>
    <rPh sb="45" eb="48">
      <t>キュウイジョウ</t>
    </rPh>
    <rPh sb="48" eb="50">
      <t>ジュケン</t>
    </rPh>
    <rPh sb="50" eb="51">
      <t>シャ</t>
    </rPh>
    <rPh sb="52" eb="54">
      <t>タイショウ</t>
    </rPh>
    <rPh sb="72" eb="73">
      <t>バイ</t>
    </rPh>
    <rPh sb="76" eb="78">
      <t>ガッサン</t>
    </rPh>
    <phoneticPr fontId="4"/>
  </si>
  <si>
    <t>個別試験または共通テスト「英語」の得点に換算（70または100％）（個別試験「英語」の受験は必須、高得点の方を利用）</t>
    <rPh sb="7" eb="9">
      <t>キョウツウ</t>
    </rPh>
    <rPh sb="20" eb="22">
      <t>カンサン</t>
    </rPh>
    <rPh sb="34" eb="38">
      <t>コベツシケン</t>
    </rPh>
    <rPh sb="39" eb="41">
      <t>エイゴ</t>
    </rPh>
    <rPh sb="43" eb="45">
      <t>ジュケン</t>
    </rPh>
    <rPh sb="46" eb="48">
      <t>ヒッス</t>
    </rPh>
    <rPh sb="49" eb="52">
      <t>コウトクテン</t>
    </rPh>
    <rPh sb="53" eb="54">
      <t>ホウ</t>
    </rPh>
    <rPh sb="55" eb="57">
      <t>リヨウ</t>
    </rPh>
    <phoneticPr fontId="4"/>
  </si>
  <si>
    <t xml:space="preserve">個別試験「英語」の得点を満点とみなす（個別試験「英語」の受験を免除）
</t>
    <rPh sb="0" eb="4">
      <t>コベツシケン</t>
    </rPh>
    <rPh sb="5" eb="7">
      <t>エイゴ</t>
    </rPh>
    <rPh sb="9" eb="11">
      <t>トクテン</t>
    </rPh>
    <rPh sb="12" eb="14">
      <t>マンテン</t>
    </rPh>
    <phoneticPr fontId="4"/>
  </si>
  <si>
    <t>【私立大】</t>
    <rPh sb="1" eb="3">
      <t>シリツ</t>
    </rPh>
    <phoneticPr fontId="4"/>
  </si>
  <si>
    <t>2025年度の一般選抜において民間の英語資格・検定試験を利用する大学の一覧です（１月６日現在、河合塾調べ）。</t>
    <rPh sb="4" eb="6">
      <t>ネンド</t>
    </rPh>
    <rPh sb="7" eb="9">
      <t>イッパン</t>
    </rPh>
    <rPh sb="9" eb="11">
      <t>センバツ</t>
    </rPh>
    <rPh sb="15" eb="17">
      <t>ミンカン</t>
    </rPh>
    <rPh sb="18" eb="20">
      <t>エイゴ</t>
    </rPh>
    <rPh sb="20" eb="22">
      <t>シカク</t>
    </rPh>
    <rPh sb="23" eb="25">
      <t>ケンテイ</t>
    </rPh>
    <rPh sb="25" eb="27">
      <t>シケン</t>
    </rPh>
    <rPh sb="28" eb="30">
      <t>リヨウ</t>
    </rPh>
    <rPh sb="32" eb="34">
      <t>ダイガク</t>
    </rPh>
    <rPh sb="35" eb="37">
      <t>イチラン</t>
    </rPh>
    <rPh sb="41" eb="42">
      <t>ガツ</t>
    </rPh>
    <rPh sb="43" eb="44">
      <t>ニチ</t>
    </rPh>
    <rPh sb="44" eb="46">
      <t>ゲンザイ</t>
    </rPh>
    <rPh sb="47" eb="49">
      <t>カワイ</t>
    </rPh>
    <rPh sb="49" eb="50">
      <t>ジュク</t>
    </rPh>
    <rPh sb="50" eb="51">
      <t>シラ</t>
    </rPh>
    <phoneticPr fontId="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0_);[Red]\(0.0\)"/>
    <numFmt numFmtId="177" formatCode="0.0"/>
    <numFmt numFmtId="178" formatCode="0_);[Red]\(0\)"/>
  </numFmts>
  <fonts count="29" x14ac:knownFonts="1">
    <font>
      <sz val="10"/>
      <color theme="1"/>
      <name val="メイリオ"/>
      <family val="2"/>
      <charset val="128"/>
    </font>
    <font>
      <sz val="10"/>
      <color theme="1"/>
      <name val="メイリオ"/>
      <family val="2"/>
      <charset val="128"/>
    </font>
    <font>
      <sz val="10"/>
      <color rgb="FF9C6500"/>
      <name val="メイリオ"/>
      <family val="2"/>
      <charset val="128"/>
    </font>
    <font>
      <sz val="8"/>
      <color theme="1"/>
      <name val="Meiryo UI"/>
      <family val="3"/>
      <charset val="128"/>
    </font>
    <font>
      <sz val="6"/>
      <name val="メイリオ"/>
      <family val="2"/>
      <charset val="128"/>
    </font>
    <font>
      <sz val="6"/>
      <name val="游ゴシック"/>
      <family val="2"/>
      <charset val="128"/>
      <scheme val="minor"/>
    </font>
    <font>
      <sz val="10"/>
      <name val="Meiryo UI"/>
      <family val="3"/>
      <charset val="128"/>
    </font>
    <font>
      <sz val="8"/>
      <name val="Meiryo UI"/>
      <family val="3"/>
      <charset val="128"/>
    </font>
    <font>
      <sz val="9"/>
      <color theme="1"/>
      <name val="メイリオ"/>
      <family val="3"/>
      <charset val="128"/>
    </font>
    <font>
      <sz val="10"/>
      <color theme="1"/>
      <name val="Meiryo UI"/>
      <family val="3"/>
      <charset val="128"/>
    </font>
    <font>
      <b/>
      <sz val="10"/>
      <color theme="1"/>
      <name val="Meiryo UI"/>
      <family val="3"/>
      <charset val="128"/>
    </font>
    <font>
      <sz val="8"/>
      <color theme="1"/>
      <name val="メイリオ"/>
      <family val="2"/>
      <charset val="128"/>
    </font>
    <font>
      <b/>
      <sz val="12"/>
      <color theme="1"/>
      <name val="Meiryo UI"/>
      <family val="3"/>
      <charset val="128"/>
    </font>
    <font>
      <sz val="12"/>
      <color theme="1"/>
      <name val="Meiryo UI"/>
      <family val="3"/>
      <charset val="128"/>
    </font>
    <font>
      <sz val="8"/>
      <name val="ＭＳ Ｐゴシック"/>
      <family val="3"/>
      <charset val="128"/>
    </font>
    <font>
      <vertAlign val="superscript"/>
      <sz val="8"/>
      <name val="Meiryo UI"/>
      <family val="3"/>
      <charset val="128"/>
    </font>
    <font>
      <sz val="8"/>
      <color rgb="FFFF0000"/>
      <name val="メイリオ"/>
      <family val="2"/>
      <charset val="128"/>
    </font>
    <font>
      <sz val="8"/>
      <name val="メイリオ"/>
      <family val="2"/>
      <charset val="128"/>
    </font>
    <font>
      <sz val="6"/>
      <name val="游ゴシック"/>
      <family val="3"/>
      <charset val="128"/>
      <scheme val="minor"/>
    </font>
    <font>
      <sz val="6"/>
      <name val="Meiryo UI"/>
      <family val="3"/>
      <charset val="128"/>
    </font>
    <font>
      <sz val="10"/>
      <color rgb="FFFF0000"/>
      <name val="Meiryo UI"/>
      <family val="3"/>
      <charset val="128"/>
    </font>
    <font>
      <sz val="12"/>
      <color theme="1"/>
      <name val="メイリオ"/>
      <family val="3"/>
      <charset val="128"/>
    </font>
    <font>
      <sz val="11"/>
      <color theme="1"/>
      <name val="メイリオ"/>
      <family val="2"/>
      <charset val="128"/>
    </font>
    <font>
      <sz val="11"/>
      <color theme="1"/>
      <name val="游ゴシック"/>
      <family val="2"/>
      <scheme val="minor"/>
    </font>
    <font>
      <sz val="6"/>
      <color theme="1"/>
      <name val="メイリオ"/>
      <family val="3"/>
      <charset val="128"/>
    </font>
    <font>
      <sz val="6"/>
      <name val="ＭＳ Ｐゴシック"/>
      <family val="3"/>
      <charset val="128"/>
    </font>
    <font>
      <strike/>
      <sz val="8"/>
      <name val="ＭＳ Ｐゴシック"/>
      <family val="3"/>
      <charset val="128"/>
    </font>
    <font>
      <b/>
      <sz val="14"/>
      <name val="メイリオ"/>
      <family val="3"/>
      <charset val="128"/>
    </font>
    <font>
      <b/>
      <sz val="11"/>
      <name val="メイリオ"/>
      <family val="3"/>
      <charset val="128"/>
    </font>
  </fonts>
  <fills count="5">
    <fill>
      <patternFill patternType="none"/>
    </fill>
    <fill>
      <patternFill patternType="gray125"/>
    </fill>
    <fill>
      <patternFill patternType="solid">
        <fgColor rgb="FFFFFF00"/>
        <bgColor indexed="64"/>
      </patternFill>
    </fill>
    <fill>
      <patternFill patternType="solid">
        <fgColor theme="0"/>
        <bgColor indexed="64"/>
      </patternFill>
    </fill>
    <fill>
      <patternFill patternType="solid">
        <fgColor rgb="FF8EA9DB"/>
        <bgColor indexed="64"/>
      </patternFill>
    </fill>
  </fills>
  <borders count="4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thin">
        <color indexed="64"/>
      </top>
      <bottom style="thin">
        <color indexed="64"/>
      </bottom>
      <diagonal/>
    </border>
    <border>
      <left style="thin">
        <color indexed="64"/>
      </left>
      <right/>
      <top style="medium">
        <color indexed="64"/>
      </top>
      <bottom/>
      <diagonal/>
    </border>
    <border>
      <left/>
      <right/>
      <top style="medium">
        <color indexed="64"/>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medium">
        <color indexed="64"/>
      </left>
      <right/>
      <top/>
      <bottom/>
      <diagonal/>
    </border>
    <border>
      <left style="thin">
        <color indexed="64"/>
      </left>
      <right style="thin">
        <color indexed="64"/>
      </right>
      <top/>
      <bottom/>
      <diagonal/>
    </border>
    <border>
      <left style="medium">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bottom style="thin">
        <color indexed="64"/>
      </bottom>
      <diagonal/>
    </border>
    <border>
      <left/>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medium">
        <color indexed="64"/>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style="medium">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medium">
        <color indexed="64"/>
      </bottom>
      <diagonal/>
    </border>
  </borders>
  <cellStyleXfs count="3">
    <xf numFmtId="0" fontId="0" fillId="0" borderId="0">
      <alignment vertical="center"/>
    </xf>
    <xf numFmtId="0" fontId="23" fillId="0" borderId="0"/>
    <xf numFmtId="0" fontId="1" fillId="0" borderId="0">
      <alignment vertical="center"/>
    </xf>
  </cellStyleXfs>
  <cellXfs count="122">
    <xf numFmtId="0" fontId="0" fillId="0" borderId="0" xfId="0">
      <alignment vertical="center"/>
    </xf>
    <xf numFmtId="0" fontId="10" fillId="3" borderId="0" xfId="0" applyFont="1" applyFill="1">
      <alignment vertical="center"/>
    </xf>
    <xf numFmtId="0" fontId="9" fillId="3" borderId="0" xfId="0" applyFont="1" applyFill="1">
      <alignment vertical="center"/>
    </xf>
    <xf numFmtId="0" fontId="9" fillId="3" borderId="0" xfId="0" applyFont="1" applyFill="1" applyAlignment="1">
      <alignment vertical="center" wrapText="1"/>
    </xf>
    <xf numFmtId="0" fontId="9" fillId="3" borderId="0" xfId="0" applyFont="1" applyFill="1" applyAlignment="1">
      <alignment horizontal="right" vertical="center"/>
    </xf>
    <xf numFmtId="0" fontId="9" fillId="3" borderId="0" xfId="0" applyFont="1" applyFill="1" applyAlignment="1">
      <alignment horizontal="right" vertical="center" wrapText="1"/>
    </xf>
    <xf numFmtId="0" fontId="10" fillId="3" borderId="0" xfId="0" applyFont="1" applyFill="1" applyAlignment="1">
      <alignment horizontal="left" vertical="center"/>
    </xf>
    <xf numFmtId="0" fontId="9" fillId="3" borderId="15" xfId="0" applyFont="1" applyFill="1" applyBorder="1">
      <alignment vertical="center"/>
    </xf>
    <xf numFmtId="0" fontId="9" fillId="3" borderId="26" xfId="0" applyFont="1" applyFill="1" applyBorder="1">
      <alignment vertical="center"/>
    </xf>
    <xf numFmtId="0" fontId="9" fillId="3" borderId="22" xfId="0" applyFont="1" applyFill="1" applyBorder="1">
      <alignment vertical="center"/>
    </xf>
    <xf numFmtId="0" fontId="9" fillId="3" borderId="27" xfId="0" applyFont="1" applyFill="1" applyBorder="1">
      <alignment vertical="center"/>
    </xf>
    <xf numFmtId="0" fontId="9" fillId="3" borderId="28" xfId="0" applyFont="1" applyFill="1" applyBorder="1">
      <alignment vertical="center"/>
    </xf>
    <xf numFmtId="0" fontId="9" fillId="3" borderId="25" xfId="0" applyFont="1" applyFill="1" applyBorder="1">
      <alignment vertical="center"/>
    </xf>
    <xf numFmtId="0" fontId="9" fillId="3" borderId="29" xfId="0" applyFont="1" applyFill="1" applyBorder="1">
      <alignment vertical="center"/>
    </xf>
    <xf numFmtId="0" fontId="9" fillId="3" borderId="30" xfId="0" applyFont="1" applyFill="1" applyBorder="1">
      <alignment vertical="center"/>
    </xf>
    <xf numFmtId="0" fontId="11" fillId="0" borderId="0" xfId="0" applyFont="1">
      <alignment vertical="center"/>
    </xf>
    <xf numFmtId="0" fontId="12" fillId="3" borderId="0" xfId="0" applyFont="1" applyFill="1">
      <alignment vertical="center"/>
    </xf>
    <xf numFmtId="0" fontId="13" fillId="3" borderId="0" xfId="0" applyFont="1" applyFill="1">
      <alignment vertical="center"/>
    </xf>
    <xf numFmtId="0" fontId="17" fillId="0" borderId="0" xfId="0" applyFont="1">
      <alignment vertical="center"/>
    </xf>
    <xf numFmtId="0" fontId="16" fillId="0" borderId="0" xfId="0" applyFont="1">
      <alignment vertical="center"/>
    </xf>
    <xf numFmtId="0" fontId="17" fillId="3" borderId="0" xfId="0" applyFont="1" applyFill="1">
      <alignment vertical="center"/>
    </xf>
    <xf numFmtId="176" fontId="0" fillId="0" borderId="0" xfId="0" applyNumberFormat="1">
      <alignment vertical="center"/>
    </xf>
    <xf numFmtId="0" fontId="20" fillId="3" borderId="0" xfId="0" applyFont="1" applyFill="1" applyAlignment="1">
      <alignment horizontal="right" vertical="center"/>
    </xf>
    <xf numFmtId="0" fontId="20" fillId="3" borderId="0" xfId="0" applyFont="1" applyFill="1">
      <alignment vertical="center"/>
    </xf>
    <xf numFmtId="176" fontId="11" fillId="0" borderId="0" xfId="0" applyNumberFormat="1" applyFont="1">
      <alignment vertical="center"/>
    </xf>
    <xf numFmtId="0" fontId="11" fillId="2" borderId="0" xfId="0" applyFont="1" applyFill="1">
      <alignment vertical="center"/>
    </xf>
    <xf numFmtId="0" fontId="27" fillId="0" borderId="0" xfId="0" applyFont="1">
      <alignment vertical="center"/>
    </xf>
    <xf numFmtId="0" fontId="28" fillId="0" borderId="0" xfId="0" applyFont="1">
      <alignment vertical="center"/>
    </xf>
    <xf numFmtId="0" fontId="22" fillId="0" borderId="0" xfId="0" applyFont="1" applyAlignment="1">
      <alignment horizontal="right" vertical="center"/>
    </xf>
    <xf numFmtId="0" fontId="14" fillId="0" borderId="1" xfId="0" applyFont="1" applyBorder="1" applyAlignment="1">
      <alignment vertical="top" wrapText="1"/>
    </xf>
    <xf numFmtId="0" fontId="14" fillId="0" borderId="2" xfId="0" applyFont="1" applyBorder="1" applyAlignment="1">
      <alignment vertical="top" wrapText="1"/>
    </xf>
    <xf numFmtId="0" fontId="14" fillId="0" borderId="13" xfId="0" applyFont="1" applyBorder="1" applyAlignment="1">
      <alignment horizontal="center" vertical="top"/>
    </xf>
    <xf numFmtId="0" fontId="14" fillId="0" borderId="1" xfId="0" applyFont="1" applyBorder="1" applyAlignment="1">
      <alignment horizontal="center" vertical="top"/>
    </xf>
    <xf numFmtId="0" fontId="14" fillId="0" borderId="2" xfId="0" applyFont="1" applyBorder="1" applyAlignment="1">
      <alignment horizontal="center" vertical="top"/>
    </xf>
    <xf numFmtId="0" fontId="14" fillId="0" borderId="1" xfId="0" applyFont="1" applyBorder="1" applyAlignment="1">
      <alignment horizontal="center" vertical="top" wrapText="1"/>
    </xf>
    <xf numFmtId="176" fontId="14" fillId="0" borderId="1" xfId="0" applyNumberFormat="1" applyFont="1" applyBorder="1" applyAlignment="1">
      <alignment horizontal="center" vertical="top"/>
    </xf>
    <xf numFmtId="0" fontId="14" fillId="0" borderId="23" xfId="0" applyFont="1" applyBorder="1" applyAlignment="1">
      <alignment horizontal="center" vertical="top"/>
    </xf>
    <xf numFmtId="0" fontId="14" fillId="0" borderId="13" xfId="0" applyFont="1" applyBorder="1" applyAlignment="1">
      <alignment vertical="top" wrapText="1"/>
    </xf>
    <xf numFmtId="0" fontId="14" fillId="0" borderId="23" xfId="0" applyFont="1" applyBorder="1" applyAlignment="1">
      <alignment vertical="top" wrapText="1"/>
    </xf>
    <xf numFmtId="0" fontId="14" fillId="0" borderId="13" xfId="0" applyFont="1" applyBorder="1" applyAlignment="1">
      <alignment horizontal="center" vertical="top" wrapText="1"/>
    </xf>
    <xf numFmtId="176" fontId="14" fillId="0" borderId="1" xfId="0" applyNumberFormat="1" applyFont="1" applyBorder="1" applyAlignment="1">
      <alignment horizontal="center" vertical="top" wrapText="1"/>
    </xf>
    <xf numFmtId="0" fontId="14" fillId="0" borderId="23" xfId="0" applyFont="1" applyBorder="1" applyAlignment="1">
      <alignment horizontal="center" vertical="top" wrapText="1"/>
    </xf>
    <xf numFmtId="0" fontId="14" fillId="0" borderId="1" xfId="2" applyFont="1" applyBorder="1" applyAlignment="1">
      <alignment vertical="top" wrapText="1"/>
    </xf>
    <xf numFmtId="0" fontId="14" fillId="0" borderId="2" xfId="2" applyFont="1" applyBorder="1" applyAlignment="1">
      <alignment vertical="top" wrapText="1"/>
    </xf>
    <xf numFmtId="0" fontId="14" fillId="0" borderId="13" xfId="2" applyFont="1" applyBorder="1" applyAlignment="1">
      <alignment horizontal="center" vertical="top"/>
    </xf>
    <xf numFmtId="0" fontId="14" fillId="0" borderId="1" xfId="2" applyFont="1" applyBorder="1" applyAlignment="1">
      <alignment horizontal="center" vertical="top"/>
    </xf>
    <xf numFmtId="0" fontId="14" fillId="0" borderId="2" xfId="2" applyFont="1" applyBorder="1" applyAlignment="1">
      <alignment horizontal="center" vertical="top"/>
    </xf>
    <xf numFmtId="0" fontId="14" fillId="0" borderId="13" xfId="2" applyFont="1" applyBorder="1" applyAlignment="1">
      <alignment horizontal="center" vertical="top" wrapText="1"/>
    </xf>
    <xf numFmtId="0" fontId="14" fillId="0" borderId="1" xfId="2" applyFont="1" applyBorder="1" applyAlignment="1">
      <alignment horizontal="center" vertical="top" wrapText="1"/>
    </xf>
    <xf numFmtId="176" fontId="14" fillId="0" borderId="1" xfId="2" applyNumberFormat="1" applyFont="1" applyBorder="1" applyAlignment="1">
      <alignment horizontal="center" vertical="top"/>
    </xf>
    <xf numFmtId="0" fontId="14" fillId="0" borderId="23" xfId="2" applyFont="1" applyBorder="1" applyAlignment="1">
      <alignment horizontal="center" vertical="top" wrapText="1"/>
    </xf>
    <xf numFmtId="0" fontId="14" fillId="0" borderId="13" xfId="2" applyFont="1" applyBorder="1" applyAlignment="1">
      <alignment vertical="top" wrapText="1"/>
    </xf>
    <xf numFmtId="0" fontId="14" fillId="0" borderId="23" xfId="2" applyFont="1" applyBorder="1" applyAlignment="1">
      <alignment horizontal="center" vertical="top"/>
    </xf>
    <xf numFmtId="176" fontId="14" fillId="0" borderId="1" xfId="2" applyNumberFormat="1" applyFont="1" applyBorder="1" applyAlignment="1">
      <alignment horizontal="center" vertical="top" wrapText="1"/>
    </xf>
    <xf numFmtId="0" fontId="26" fillId="0" borderId="1" xfId="2" applyFont="1" applyBorder="1" applyAlignment="1">
      <alignment horizontal="center" vertical="top"/>
    </xf>
    <xf numFmtId="0" fontId="14" fillId="0" borderId="23" xfId="2" applyFont="1" applyBorder="1" applyAlignment="1">
      <alignment vertical="top" wrapText="1"/>
    </xf>
    <xf numFmtId="177" fontId="14" fillId="0" borderId="1" xfId="0" applyNumberFormat="1" applyFont="1" applyBorder="1" applyAlignment="1">
      <alignment horizontal="center" vertical="top"/>
    </xf>
    <xf numFmtId="0" fontId="14" fillId="0" borderId="13" xfId="0" applyFont="1" applyBorder="1" applyAlignment="1">
      <alignment horizontal="left" vertical="top" wrapText="1"/>
    </xf>
    <xf numFmtId="0" fontId="14" fillId="0" borderId="8" xfId="0" applyFont="1" applyBorder="1" applyAlignment="1">
      <alignment horizontal="center" vertical="top"/>
    </xf>
    <xf numFmtId="0" fontId="17" fillId="0" borderId="1" xfId="0" applyFont="1" applyBorder="1">
      <alignment vertical="center"/>
    </xf>
    <xf numFmtId="176" fontId="14" fillId="0" borderId="23" xfId="0" applyNumberFormat="1" applyFont="1" applyBorder="1" applyAlignment="1">
      <alignment horizontal="center" vertical="top"/>
    </xf>
    <xf numFmtId="176" fontId="14" fillId="0" borderId="33" xfId="0" applyNumberFormat="1" applyFont="1" applyBorder="1" applyAlignment="1">
      <alignment horizontal="center" vertical="top"/>
    </xf>
    <xf numFmtId="178" fontId="14" fillId="0" borderId="1" xfId="0" applyNumberFormat="1" applyFont="1" applyBorder="1" applyAlignment="1">
      <alignment horizontal="center" vertical="top"/>
    </xf>
    <xf numFmtId="0" fontId="26" fillId="0" borderId="1" xfId="0" applyFont="1" applyBorder="1" applyAlignment="1">
      <alignment horizontal="center" vertical="top"/>
    </xf>
    <xf numFmtId="0" fontId="26" fillId="0" borderId="13" xfId="0" applyFont="1" applyBorder="1" applyAlignment="1">
      <alignment horizontal="center" vertical="top"/>
    </xf>
    <xf numFmtId="178" fontId="14" fillId="0" borderId="1" xfId="0" applyNumberFormat="1" applyFont="1" applyBorder="1" applyAlignment="1">
      <alignment horizontal="center" vertical="top" wrapText="1"/>
    </xf>
    <xf numFmtId="0" fontId="14" fillId="0" borderId="26" xfId="0" applyFont="1" applyBorder="1" applyAlignment="1">
      <alignment vertical="top" wrapText="1"/>
    </xf>
    <xf numFmtId="0" fontId="6" fillId="3" borderId="0" xfId="0" applyFont="1" applyFill="1">
      <alignment vertical="center"/>
    </xf>
    <xf numFmtId="0" fontId="14" fillId="0" borderId="0" xfId="0" applyFont="1" applyAlignment="1">
      <alignment horizontal="center" vertical="top"/>
    </xf>
    <xf numFmtId="0" fontId="14" fillId="0" borderId="40" xfId="0" applyFont="1" applyBorder="1" applyAlignment="1">
      <alignment horizontal="center" vertical="top"/>
    </xf>
    <xf numFmtId="0" fontId="14" fillId="0" borderId="41" xfId="0" applyFont="1" applyBorder="1" applyAlignment="1">
      <alignment horizontal="center" vertical="top"/>
    </xf>
    <xf numFmtId="0" fontId="14" fillId="0" borderId="42" xfId="0" applyFont="1" applyBorder="1" applyAlignment="1">
      <alignment horizontal="center" vertical="top"/>
    </xf>
    <xf numFmtId="176" fontId="14" fillId="0" borderId="0" xfId="0" applyNumberFormat="1" applyFont="1" applyAlignment="1">
      <alignment horizontal="center" vertical="top"/>
    </xf>
    <xf numFmtId="176" fontId="14" fillId="0" borderId="41" xfId="0" applyNumberFormat="1" applyFont="1" applyBorder="1" applyAlignment="1">
      <alignment horizontal="center" vertical="top"/>
    </xf>
    <xf numFmtId="0" fontId="14" fillId="0" borderId="44" xfId="0" applyFont="1" applyBorder="1" applyAlignment="1">
      <alignment horizontal="center" vertical="top"/>
    </xf>
    <xf numFmtId="0" fontId="7" fillId="4" borderId="36" xfId="0" applyFont="1" applyFill="1" applyBorder="1" applyAlignment="1">
      <alignment horizontal="center" vertical="center"/>
    </xf>
    <xf numFmtId="0" fontId="7" fillId="4" borderId="37" xfId="0" applyFont="1" applyFill="1" applyBorder="1" applyAlignment="1">
      <alignment horizontal="center" vertical="center"/>
    </xf>
    <xf numFmtId="0" fontId="7" fillId="4" borderId="24" xfId="0" applyFont="1" applyFill="1" applyBorder="1" applyAlignment="1">
      <alignment horizontal="center" vertical="center" wrapText="1"/>
    </xf>
    <xf numFmtId="0" fontId="7" fillId="4" borderId="13" xfId="0" applyFont="1" applyFill="1" applyBorder="1" applyAlignment="1">
      <alignment horizontal="center" vertical="center" wrapText="1"/>
    </xf>
    <xf numFmtId="0" fontId="7" fillId="4" borderId="18" xfId="0" applyFont="1" applyFill="1" applyBorder="1" applyAlignment="1">
      <alignment horizontal="center" vertical="center" wrapText="1"/>
    </xf>
    <xf numFmtId="0" fontId="7" fillId="4" borderId="9" xfId="0" applyFont="1" applyFill="1" applyBorder="1" applyAlignment="1">
      <alignment horizontal="center" vertical="center"/>
    </xf>
    <xf numFmtId="0" fontId="7" fillId="4" borderId="10" xfId="0" applyFont="1" applyFill="1" applyBorder="1" applyAlignment="1">
      <alignment horizontal="center" vertical="center"/>
    </xf>
    <xf numFmtId="0" fontId="7" fillId="4" borderId="11" xfId="0" applyFont="1" applyFill="1" applyBorder="1" applyAlignment="1">
      <alignment horizontal="center" vertical="center" wrapText="1"/>
    </xf>
    <xf numFmtId="0" fontId="7" fillId="4" borderId="16" xfId="0" applyFont="1" applyFill="1" applyBorder="1" applyAlignment="1">
      <alignment horizontal="center" vertical="center" wrapText="1"/>
    </xf>
    <xf numFmtId="0" fontId="7" fillId="4" borderId="21" xfId="0" applyFont="1" applyFill="1" applyBorder="1" applyAlignment="1">
      <alignment horizontal="center" vertical="center" wrapText="1"/>
    </xf>
    <xf numFmtId="0" fontId="7" fillId="4" borderId="12" xfId="0" applyFont="1" applyFill="1" applyBorder="1" applyAlignment="1">
      <alignment horizontal="center" vertical="center" wrapText="1"/>
    </xf>
    <xf numFmtId="0" fontId="7" fillId="4" borderId="17" xfId="0" applyFont="1" applyFill="1" applyBorder="1" applyAlignment="1">
      <alignment horizontal="center" vertical="center" wrapText="1"/>
    </xf>
    <xf numFmtId="0" fontId="7" fillId="4" borderId="19" xfId="0" applyFont="1" applyFill="1" applyBorder="1" applyAlignment="1">
      <alignment horizontal="center" vertical="center" wrapText="1"/>
    </xf>
    <xf numFmtId="176" fontId="7" fillId="4" borderId="12" xfId="0" applyNumberFormat="1" applyFont="1" applyFill="1" applyBorder="1" applyAlignment="1">
      <alignment horizontal="center" vertical="center" wrapText="1"/>
    </xf>
    <xf numFmtId="176" fontId="7" fillId="4" borderId="17" xfId="0" applyNumberFormat="1" applyFont="1" applyFill="1" applyBorder="1" applyAlignment="1">
      <alignment horizontal="center" vertical="center" wrapText="1"/>
    </xf>
    <xf numFmtId="176" fontId="7" fillId="4" borderId="19" xfId="0" applyNumberFormat="1" applyFont="1" applyFill="1" applyBorder="1" applyAlignment="1">
      <alignment horizontal="center" vertical="center" wrapText="1"/>
    </xf>
    <xf numFmtId="0" fontId="7" fillId="4" borderId="31" xfId="0" applyFont="1" applyFill="1" applyBorder="1" applyAlignment="1">
      <alignment horizontal="center" vertical="center" wrapText="1"/>
    </xf>
    <xf numFmtId="0" fontId="7" fillId="4" borderId="32" xfId="0" applyFont="1" applyFill="1" applyBorder="1" applyAlignment="1">
      <alignment horizontal="center" vertical="center" wrapText="1"/>
    </xf>
    <xf numFmtId="0" fontId="7" fillId="4" borderId="20" xfId="0" applyFont="1" applyFill="1" applyBorder="1" applyAlignment="1">
      <alignment horizontal="center" vertical="center" wrapText="1"/>
    </xf>
    <xf numFmtId="0" fontId="19" fillId="4" borderId="14" xfId="0" applyFont="1" applyFill="1" applyBorder="1" applyAlignment="1">
      <alignment horizontal="center" vertical="center" wrapText="1"/>
    </xf>
    <xf numFmtId="0" fontId="19" fillId="4" borderId="19" xfId="0" applyFont="1" applyFill="1" applyBorder="1" applyAlignment="1">
      <alignment horizontal="center" vertical="center" wrapText="1"/>
    </xf>
    <xf numFmtId="0" fontId="19" fillId="4" borderId="15" xfId="0" applyFont="1" applyFill="1" applyBorder="1" applyAlignment="1">
      <alignment horizontal="center" vertical="center" wrapText="1"/>
    </xf>
    <xf numFmtId="0" fontId="19" fillId="4" borderId="25" xfId="0" applyFont="1" applyFill="1" applyBorder="1" applyAlignment="1">
      <alignment horizontal="center" vertical="center" wrapText="1"/>
    </xf>
    <xf numFmtId="0" fontId="7" fillId="4" borderId="24" xfId="0" applyFont="1" applyFill="1" applyBorder="1" applyAlignment="1">
      <alignment horizontal="center" vertical="center"/>
    </xf>
    <xf numFmtId="0" fontId="7" fillId="4" borderId="13" xfId="0" applyFont="1" applyFill="1" applyBorder="1" applyAlignment="1">
      <alignment horizontal="center" vertical="center"/>
    </xf>
    <xf numFmtId="0" fontId="7" fillId="4" borderId="18" xfId="0" applyFont="1" applyFill="1" applyBorder="1" applyAlignment="1">
      <alignment horizontal="center" vertical="center"/>
    </xf>
    <xf numFmtId="0" fontId="7" fillId="4" borderId="34" xfId="0" applyFont="1" applyFill="1" applyBorder="1" applyAlignment="1">
      <alignment horizontal="center" vertical="center" wrapText="1"/>
    </xf>
    <xf numFmtId="0" fontId="7" fillId="4" borderId="1" xfId="0" applyFont="1" applyFill="1" applyBorder="1" applyAlignment="1">
      <alignment horizontal="center" vertical="center"/>
    </xf>
    <xf numFmtId="0" fontId="7" fillId="4" borderId="14" xfId="0" applyFont="1" applyFill="1" applyBorder="1" applyAlignment="1">
      <alignment horizontal="center" vertical="center"/>
    </xf>
    <xf numFmtId="0" fontId="7" fillId="4" borderId="35" xfId="0" applyFont="1" applyFill="1" applyBorder="1" applyAlignment="1">
      <alignment horizontal="center" vertical="center"/>
    </xf>
    <xf numFmtId="0" fontId="7" fillId="4" borderId="2" xfId="0" applyFont="1" applyFill="1" applyBorder="1" applyAlignment="1">
      <alignment horizontal="center" vertical="center"/>
    </xf>
    <xf numFmtId="0" fontId="7" fillId="4" borderId="15" xfId="0" applyFont="1" applyFill="1" applyBorder="1" applyAlignment="1">
      <alignment horizontal="center" vertical="center"/>
    </xf>
    <xf numFmtId="0" fontId="7" fillId="4" borderId="3" xfId="0" applyFont="1" applyFill="1" applyBorder="1" applyAlignment="1">
      <alignment horizontal="center" vertical="center"/>
    </xf>
    <xf numFmtId="0" fontId="7" fillId="4" borderId="4" xfId="0" applyFont="1" applyFill="1" applyBorder="1" applyAlignment="1">
      <alignment horizontal="center" vertical="center"/>
    </xf>
    <xf numFmtId="0" fontId="7" fillId="4" borderId="5" xfId="0" applyFont="1" applyFill="1" applyBorder="1" applyAlignment="1">
      <alignment horizontal="center" vertical="center"/>
    </xf>
    <xf numFmtId="0" fontId="7" fillId="4" borderId="6" xfId="0" applyFont="1" applyFill="1" applyBorder="1" applyAlignment="1">
      <alignment horizontal="center" vertical="center"/>
    </xf>
    <xf numFmtId="0" fontId="7" fillId="4" borderId="7" xfId="0" applyFont="1" applyFill="1" applyBorder="1" applyAlignment="1">
      <alignment horizontal="center" vertical="center"/>
    </xf>
    <xf numFmtId="176" fontId="7" fillId="4" borderId="7" xfId="0" applyNumberFormat="1" applyFont="1" applyFill="1" applyBorder="1" applyAlignment="1">
      <alignment horizontal="center" vertical="center"/>
    </xf>
    <xf numFmtId="0" fontId="7" fillId="4" borderId="43" xfId="0" applyFont="1" applyFill="1" applyBorder="1" applyAlignment="1">
      <alignment horizontal="center" vertical="center"/>
    </xf>
    <xf numFmtId="0" fontId="7" fillId="4" borderId="38" xfId="0" applyFont="1" applyFill="1" applyBorder="1" applyAlignment="1">
      <alignment horizontal="center" vertical="center"/>
    </xf>
    <xf numFmtId="0" fontId="19" fillId="4" borderId="39" xfId="0" applyFont="1" applyFill="1" applyBorder="1" applyAlignment="1">
      <alignment horizontal="center" vertical="center" wrapText="1"/>
    </xf>
    <xf numFmtId="0" fontId="19" fillId="4" borderId="20" xfId="0" applyFont="1" applyFill="1" applyBorder="1" applyAlignment="1">
      <alignment horizontal="center" vertical="center" wrapText="1"/>
    </xf>
    <xf numFmtId="0" fontId="7" fillId="4" borderId="1" xfId="0" applyFont="1" applyFill="1" applyBorder="1" applyAlignment="1">
      <alignment horizontal="center" vertical="center" wrapText="1"/>
    </xf>
    <xf numFmtId="0" fontId="9" fillId="3" borderId="0" xfId="0" applyFont="1" applyFill="1" applyAlignment="1">
      <alignment horizontal="left" vertical="center" wrapText="1"/>
    </xf>
    <xf numFmtId="0" fontId="9" fillId="3" borderId="0" xfId="0" applyFont="1" applyFill="1" applyAlignment="1">
      <alignment horizontal="left" vertical="top" wrapText="1"/>
    </xf>
    <xf numFmtId="0" fontId="20" fillId="3" borderId="0" xfId="0" applyFont="1" applyFill="1" applyAlignment="1">
      <alignment horizontal="left" vertical="top" wrapText="1"/>
    </xf>
    <xf numFmtId="0" fontId="9" fillId="0" borderId="0" xfId="0" applyFont="1" applyFill="1">
      <alignment vertical="center"/>
    </xf>
  </cellXfs>
  <cellStyles count="3">
    <cellStyle name="標準" xfId="0" builtinId="0"/>
    <cellStyle name="標準 2" xfId="1" xr:uid="{00000000-0005-0000-0000-000001000000}"/>
    <cellStyle name="標準 4" xfId="2" xr:uid="{00000000-0005-0000-0000-000002000000}"/>
  </cellStyles>
  <dxfs count="0"/>
  <tableStyles count="0" defaultTableStyle="TableStyleMedium2" defaultPivotStyle="PivotStyleLight16"/>
  <colors>
    <mruColors>
      <color rgb="FF8EA9DB"/>
      <color rgb="FFFFFF66"/>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jpeg"/></Relationships>
</file>

<file path=xl/drawings/drawing1.xml><?xml version="1.0" encoding="utf-8"?>
<xdr:wsDr xmlns:xdr="http://schemas.openxmlformats.org/drawingml/2006/spreadsheetDrawing" xmlns:a="http://schemas.openxmlformats.org/drawingml/2006/main">
  <xdr:twoCellAnchor editAs="oneCell">
    <xdr:from>
      <xdr:col>1</xdr:col>
      <xdr:colOff>180975</xdr:colOff>
      <xdr:row>10</xdr:row>
      <xdr:rowOff>28575</xdr:rowOff>
    </xdr:from>
    <xdr:to>
      <xdr:col>17</xdr:col>
      <xdr:colOff>466725</xdr:colOff>
      <xdr:row>14</xdr:row>
      <xdr:rowOff>123825</xdr:rowOff>
    </xdr:to>
    <xdr:pic>
      <xdr:nvPicPr>
        <xdr:cNvPr id="2" name="図 1">
          <a:extLst>
            <a:ext uri="{FF2B5EF4-FFF2-40B4-BE49-F238E27FC236}">
              <a16:creationId xmlns:a16="http://schemas.microsoft.com/office/drawing/2014/main" id="{47909D5F-D694-413B-A2EE-45C2764B545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48615" y="1765935"/>
          <a:ext cx="10786110" cy="819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R477"/>
  <sheetViews>
    <sheetView tabSelected="1" zoomScaleNormal="100" zoomScaleSheetLayoutView="100" workbookViewId="0">
      <pane ySplit="6" topLeftCell="A7" activePane="bottomLeft" state="frozen"/>
      <selection pane="bottomLeft"/>
    </sheetView>
  </sheetViews>
  <sheetFormatPr defaultRowHeight="16.2" x14ac:dyDescent="0.45"/>
  <cols>
    <col min="1" max="1" width="14.6328125" customWidth="1"/>
    <col min="2" max="2" width="21.36328125" customWidth="1"/>
    <col min="3" max="3" width="19.08984375" customWidth="1"/>
    <col min="4" max="4" width="4.26953125" customWidth="1"/>
    <col min="5" max="7" width="3.6328125" customWidth="1"/>
    <col min="8" max="8" width="5.08984375" customWidth="1"/>
    <col min="9" max="9" width="5.36328125" customWidth="1"/>
    <col min="10" max="10" width="5.08984375" customWidth="1"/>
    <col min="11" max="11" width="4.6328125" style="21" customWidth="1"/>
    <col min="12" max="13" width="5.36328125" customWidth="1"/>
    <col min="14" max="14" width="5.90625" customWidth="1"/>
    <col min="15" max="15" width="6" customWidth="1"/>
    <col min="16" max="16" width="6.08984375" customWidth="1"/>
    <col min="17" max="17" width="4.90625" customWidth="1"/>
    <col min="18" max="18" width="36.453125" customWidth="1"/>
  </cols>
  <sheetData>
    <row r="1" spans="1:18" ht="24" customHeight="1" x14ac:dyDescent="0.45">
      <c r="A1" s="26" t="s">
        <v>1566</v>
      </c>
    </row>
    <row r="2" spans="1:18" ht="15.75" customHeight="1" thickBot="1" x14ac:dyDescent="0.5">
      <c r="A2" s="27" t="s">
        <v>1567</v>
      </c>
      <c r="R2" s="28" t="s">
        <v>1712</v>
      </c>
    </row>
    <row r="3" spans="1:18" ht="15" customHeight="1" thickBot="1" x14ac:dyDescent="0.5">
      <c r="A3" s="102" t="s">
        <v>0</v>
      </c>
      <c r="B3" s="117" t="s">
        <v>1</v>
      </c>
      <c r="C3" s="105" t="s">
        <v>16</v>
      </c>
      <c r="D3" s="107" t="s">
        <v>2</v>
      </c>
      <c r="E3" s="108"/>
      <c r="F3" s="108"/>
      <c r="G3" s="109"/>
      <c r="H3" s="110" t="s">
        <v>3</v>
      </c>
      <c r="I3" s="111"/>
      <c r="J3" s="111"/>
      <c r="K3" s="112"/>
      <c r="L3" s="111"/>
      <c r="M3" s="111"/>
      <c r="N3" s="111"/>
      <c r="O3" s="111"/>
      <c r="P3" s="111"/>
      <c r="Q3" s="113"/>
      <c r="R3" s="99" t="s">
        <v>4</v>
      </c>
    </row>
    <row r="4" spans="1:18" ht="12" customHeight="1" x14ac:dyDescent="0.45">
      <c r="A4" s="102"/>
      <c r="B4" s="102"/>
      <c r="C4" s="105"/>
      <c r="D4" s="77" t="s">
        <v>5</v>
      </c>
      <c r="E4" s="80" t="s">
        <v>6</v>
      </c>
      <c r="F4" s="81"/>
      <c r="G4" s="114"/>
      <c r="H4" s="82" t="s">
        <v>7</v>
      </c>
      <c r="I4" s="85" t="s">
        <v>961</v>
      </c>
      <c r="J4" s="85" t="s">
        <v>755</v>
      </c>
      <c r="K4" s="88" t="s">
        <v>8</v>
      </c>
      <c r="L4" s="85" t="s">
        <v>9</v>
      </c>
      <c r="M4" s="85" t="s">
        <v>10</v>
      </c>
      <c r="N4" s="85" t="s">
        <v>381</v>
      </c>
      <c r="O4" s="85" t="s">
        <v>382</v>
      </c>
      <c r="P4" s="85" t="s">
        <v>383</v>
      </c>
      <c r="Q4" s="91" t="s">
        <v>11</v>
      </c>
      <c r="R4" s="99"/>
    </row>
    <row r="5" spans="1:18" ht="6" customHeight="1" x14ac:dyDescent="0.45">
      <c r="A5" s="102"/>
      <c r="B5" s="102"/>
      <c r="C5" s="105"/>
      <c r="D5" s="78"/>
      <c r="E5" s="94" t="s">
        <v>12</v>
      </c>
      <c r="F5" s="94" t="s">
        <v>13</v>
      </c>
      <c r="G5" s="115" t="s">
        <v>456</v>
      </c>
      <c r="H5" s="83"/>
      <c r="I5" s="86" t="s">
        <v>14</v>
      </c>
      <c r="J5" s="86" t="s">
        <v>8</v>
      </c>
      <c r="K5" s="89" t="s">
        <v>8</v>
      </c>
      <c r="L5" s="86" t="s">
        <v>8</v>
      </c>
      <c r="M5" s="86" t="s">
        <v>8</v>
      </c>
      <c r="N5" s="86" t="s">
        <v>8</v>
      </c>
      <c r="O5" s="86" t="s">
        <v>8</v>
      </c>
      <c r="P5" s="86" t="s">
        <v>8</v>
      </c>
      <c r="Q5" s="92" t="s">
        <v>8</v>
      </c>
      <c r="R5" s="99"/>
    </row>
    <row r="6" spans="1:18" x14ac:dyDescent="0.45">
      <c r="A6" s="103"/>
      <c r="B6" s="103"/>
      <c r="C6" s="106"/>
      <c r="D6" s="79"/>
      <c r="E6" s="95"/>
      <c r="F6" s="95" t="s">
        <v>13</v>
      </c>
      <c r="G6" s="116"/>
      <c r="H6" s="84"/>
      <c r="I6" s="87"/>
      <c r="J6" s="87"/>
      <c r="K6" s="90"/>
      <c r="L6" s="87"/>
      <c r="M6" s="87"/>
      <c r="N6" s="87"/>
      <c r="O6" s="87"/>
      <c r="P6" s="87"/>
      <c r="Q6" s="93"/>
      <c r="R6" s="99"/>
    </row>
    <row r="7" spans="1:18" s="15" customFormat="1" ht="14.25" customHeight="1" x14ac:dyDescent="0.45">
      <c r="A7" s="29" t="s">
        <v>34</v>
      </c>
      <c r="B7" s="29" t="s">
        <v>1209</v>
      </c>
      <c r="C7" s="30" t="s">
        <v>1210</v>
      </c>
      <c r="D7" s="31"/>
      <c r="E7" s="32"/>
      <c r="F7" s="32"/>
      <c r="G7" s="36" t="s">
        <v>1211</v>
      </c>
      <c r="H7" s="31"/>
      <c r="I7" s="32"/>
      <c r="J7" s="34"/>
      <c r="K7" s="35"/>
      <c r="L7" s="32"/>
      <c r="M7" s="32"/>
      <c r="N7" s="32"/>
      <c r="O7" s="32"/>
      <c r="P7" s="32"/>
      <c r="Q7" s="36"/>
      <c r="R7" s="37" t="s">
        <v>1212</v>
      </c>
    </row>
    <row r="8" spans="1:18" s="15" customFormat="1" ht="28.5" customHeight="1" x14ac:dyDescent="0.45">
      <c r="A8" s="29" t="s">
        <v>17</v>
      </c>
      <c r="B8" s="29" t="s">
        <v>333</v>
      </c>
      <c r="C8" s="38" t="s">
        <v>355</v>
      </c>
      <c r="D8" s="31"/>
      <c r="E8" s="32" t="s">
        <v>279</v>
      </c>
      <c r="F8" s="32"/>
      <c r="G8" s="36"/>
      <c r="H8" s="39"/>
      <c r="I8" s="34" t="s">
        <v>334</v>
      </c>
      <c r="J8" s="34"/>
      <c r="K8" s="40">
        <v>6</v>
      </c>
      <c r="L8" s="34"/>
      <c r="M8" s="34"/>
      <c r="N8" s="34">
        <v>61</v>
      </c>
      <c r="O8" s="34"/>
      <c r="P8" s="34">
        <v>730</v>
      </c>
      <c r="Q8" s="41" t="s">
        <v>423</v>
      </c>
      <c r="R8" s="37" t="s">
        <v>1524</v>
      </c>
    </row>
    <row r="9" spans="1:18" s="15" customFormat="1" ht="31.5" customHeight="1" x14ac:dyDescent="0.45">
      <c r="A9" s="29" t="s">
        <v>35</v>
      </c>
      <c r="B9" s="29" t="s">
        <v>351</v>
      </c>
      <c r="C9" s="30" t="s">
        <v>352</v>
      </c>
      <c r="D9" s="31"/>
      <c r="E9" s="32" t="s">
        <v>279</v>
      </c>
      <c r="F9" s="32"/>
      <c r="G9" s="36"/>
      <c r="H9" s="39" t="s">
        <v>652</v>
      </c>
      <c r="I9" s="34" t="s">
        <v>353</v>
      </c>
      <c r="J9" s="34" t="s">
        <v>653</v>
      </c>
      <c r="K9" s="40">
        <v>6.5</v>
      </c>
      <c r="L9" s="34">
        <v>360</v>
      </c>
      <c r="M9" s="34">
        <v>760</v>
      </c>
      <c r="N9" s="34">
        <v>72</v>
      </c>
      <c r="O9" s="34">
        <v>1200</v>
      </c>
      <c r="P9" s="34"/>
      <c r="Q9" s="41"/>
      <c r="R9" s="37" t="s">
        <v>520</v>
      </c>
    </row>
    <row r="10" spans="1:18" s="15" customFormat="1" ht="42" customHeight="1" x14ac:dyDescent="0.45">
      <c r="A10" s="29" t="s">
        <v>18</v>
      </c>
      <c r="B10" s="29" t="s">
        <v>344</v>
      </c>
      <c r="C10" s="38" t="s">
        <v>313</v>
      </c>
      <c r="D10" s="31"/>
      <c r="E10" s="32" t="s">
        <v>279</v>
      </c>
      <c r="F10" s="32"/>
      <c r="G10" s="36"/>
      <c r="H10" s="39">
        <v>100</v>
      </c>
      <c r="I10" s="34">
        <v>1400</v>
      </c>
      <c r="J10" s="34">
        <v>260</v>
      </c>
      <c r="K10" s="40">
        <v>4</v>
      </c>
      <c r="L10" s="34">
        <v>135</v>
      </c>
      <c r="M10" s="34">
        <v>235</v>
      </c>
      <c r="N10" s="34">
        <v>42</v>
      </c>
      <c r="O10" s="34">
        <v>320</v>
      </c>
      <c r="P10" s="34">
        <v>320</v>
      </c>
      <c r="Q10" s="41"/>
      <c r="R10" s="37" t="s">
        <v>1568</v>
      </c>
    </row>
    <row r="11" spans="1:18" s="15" customFormat="1" ht="38.4" x14ac:dyDescent="0.45">
      <c r="A11" s="29" t="s">
        <v>339</v>
      </c>
      <c r="B11" s="29" t="s">
        <v>1229</v>
      </c>
      <c r="C11" s="30" t="s">
        <v>355</v>
      </c>
      <c r="D11" s="31"/>
      <c r="E11" s="32" t="s">
        <v>279</v>
      </c>
      <c r="F11" s="32"/>
      <c r="G11" s="36"/>
      <c r="H11" s="39">
        <v>153</v>
      </c>
      <c r="I11" s="34">
        <v>2180</v>
      </c>
      <c r="J11" s="34">
        <v>1120</v>
      </c>
      <c r="K11" s="40">
        <v>5</v>
      </c>
      <c r="L11" s="34">
        <v>280</v>
      </c>
      <c r="M11" s="34">
        <v>540</v>
      </c>
      <c r="N11" s="34">
        <v>62</v>
      </c>
      <c r="O11" s="34">
        <v>1420</v>
      </c>
      <c r="P11" s="34"/>
      <c r="Q11" s="41"/>
      <c r="R11" s="37" t="s">
        <v>1505</v>
      </c>
    </row>
    <row r="12" spans="1:18" s="15" customFormat="1" ht="38.4" x14ac:dyDescent="0.45">
      <c r="A12" s="29" t="s">
        <v>338</v>
      </c>
      <c r="B12" s="29" t="s">
        <v>300</v>
      </c>
      <c r="C12" s="30" t="s">
        <v>355</v>
      </c>
      <c r="D12" s="31"/>
      <c r="E12" s="32" t="s">
        <v>279</v>
      </c>
      <c r="F12" s="32"/>
      <c r="G12" s="36"/>
      <c r="H12" s="39">
        <v>160</v>
      </c>
      <c r="I12" s="34">
        <v>2300</v>
      </c>
      <c r="J12" s="34">
        <v>1190</v>
      </c>
      <c r="K12" s="40">
        <v>5</v>
      </c>
      <c r="L12" s="34">
        <v>309</v>
      </c>
      <c r="M12" s="34">
        <v>600</v>
      </c>
      <c r="N12" s="34">
        <v>62</v>
      </c>
      <c r="O12" s="34">
        <v>1560</v>
      </c>
      <c r="P12" s="34"/>
      <c r="Q12" s="41"/>
      <c r="R12" s="37" t="s">
        <v>1713</v>
      </c>
    </row>
    <row r="13" spans="1:18" s="15" customFormat="1" ht="13.2" x14ac:dyDescent="0.45">
      <c r="A13" s="29" t="s">
        <v>20</v>
      </c>
      <c r="B13" s="29" t="s">
        <v>340</v>
      </c>
      <c r="C13" s="30" t="s">
        <v>356</v>
      </c>
      <c r="D13" s="31" t="s">
        <v>347</v>
      </c>
      <c r="E13" s="32"/>
      <c r="F13" s="32"/>
      <c r="G13" s="36"/>
      <c r="H13" s="39">
        <v>120</v>
      </c>
      <c r="I13" s="34" t="s">
        <v>341</v>
      </c>
      <c r="J13" s="34">
        <v>830</v>
      </c>
      <c r="K13" s="40">
        <v>3.5</v>
      </c>
      <c r="L13" s="34">
        <v>160</v>
      </c>
      <c r="M13" s="34">
        <v>280</v>
      </c>
      <c r="N13" s="34">
        <v>40</v>
      </c>
      <c r="O13" s="34"/>
      <c r="P13" s="34">
        <v>400</v>
      </c>
      <c r="Q13" s="41" t="s">
        <v>423</v>
      </c>
      <c r="R13" s="37" t="s">
        <v>1496</v>
      </c>
    </row>
    <row r="14" spans="1:18" s="15" customFormat="1" ht="19.2" x14ac:dyDescent="0.45">
      <c r="A14" s="29" t="s">
        <v>19</v>
      </c>
      <c r="B14" s="29" t="s">
        <v>346</v>
      </c>
      <c r="C14" s="30" t="s">
        <v>355</v>
      </c>
      <c r="D14" s="31"/>
      <c r="E14" s="32" t="s">
        <v>279</v>
      </c>
      <c r="F14" s="32"/>
      <c r="G14" s="36"/>
      <c r="H14" s="39" t="s">
        <v>1206</v>
      </c>
      <c r="I14" s="32" t="s">
        <v>372</v>
      </c>
      <c r="J14" s="34"/>
      <c r="K14" s="35">
        <v>5.5</v>
      </c>
      <c r="L14" s="32"/>
      <c r="M14" s="32"/>
      <c r="N14" s="32">
        <v>72</v>
      </c>
      <c r="O14" s="32"/>
      <c r="P14" s="32"/>
      <c r="Q14" s="36"/>
      <c r="R14" s="37" t="s">
        <v>1522</v>
      </c>
    </row>
    <row r="15" spans="1:18" s="15" customFormat="1" ht="38.4" x14ac:dyDescent="0.45">
      <c r="A15" s="29" t="s">
        <v>36</v>
      </c>
      <c r="B15" s="29" t="s">
        <v>1535</v>
      </c>
      <c r="C15" s="30" t="s">
        <v>1534</v>
      </c>
      <c r="D15" s="31"/>
      <c r="E15" s="32" t="s">
        <v>279</v>
      </c>
      <c r="F15" s="32"/>
      <c r="G15" s="36"/>
      <c r="H15" s="39" t="s">
        <v>771</v>
      </c>
      <c r="I15" s="34" t="s">
        <v>423</v>
      </c>
      <c r="J15" s="34" t="s">
        <v>423</v>
      </c>
      <c r="K15" s="35" t="s">
        <v>423</v>
      </c>
      <c r="L15" s="32" t="s">
        <v>423</v>
      </c>
      <c r="M15" s="32" t="s">
        <v>423</v>
      </c>
      <c r="N15" s="32" t="s">
        <v>423</v>
      </c>
      <c r="O15" s="32" t="s">
        <v>423</v>
      </c>
      <c r="P15" s="32"/>
      <c r="Q15" s="36"/>
      <c r="R15" s="37" t="s">
        <v>1536</v>
      </c>
    </row>
    <row r="16" spans="1:18" s="15" customFormat="1" ht="19.2" x14ac:dyDescent="0.45">
      <c r="A16" s="29" t="s">
        <v>21</v>
      </c>
      <c r="B16" s="29" t="s">
        <v>1169</v>
      </c>
      <c r="C16" s="38" t="s">
        <v>1088</v>
      </c>
      <c r="D16" s="31"/>
      <c r="E16" s="32" t="s">
        <v>15</v>
      </c>
      <c r="F16" s="32"/>
      <c r="G16" s="36"/>
      <c r="H16" s="31">
        <v>120</v>
      </c>
      <c r="I16" s="32">
        <v>1700</v>
      </c>
      <c r="J16" s="34">
        <v>690</v>
      </c>
      <c r="K16" s="35">
        <v>4</v>
      </c>
      <c r="L16" s="32">
        <v>135</v>
      </c>
      <c r="M16" s="32">
        <v>235</v>
      </c>
      <c r="N16" s="32">
        <v>42</v>
      </c>
      <c r="O16" s="32">
        <v>625</v>
      </c>
      <c r="P16" s="32"/>
      <c r="Q16" s="36"/>
      <c r="R16" s="37" t="s">
        <v>1569</v>
      </c>
    </row>
    <row r="17" spans="1:18" s="15" customFormat="1" ht="38.4" x14ac:dyDescent="0.45">
      <c r="A17" s="29" t="s">
        <v>700</v>
      </c>
      <c r="B17" s="29" t="s">
        <v>303</v>
      </c>
      <c r="C17" s="30" t="s">
        <v>355</v>
      </c>
      <c r="D17" s="31"/>
      <c r="E17" s="32" t="s">
        <v>279</v>
      </c>
      <c r="F17" s="32"/>
      <c r="G17" s="36"/>
      <c r="H17" s="39" t="s">
        <v>647</v>
      </c>
      <c r="I17" s="34">
        <v>1950</v>
      </c>
      <c r="J17" s="34" t="s">
        <v>376</v>
      </c>
      <c r="K17" s="40">
        <v>4</v>
      </c>
      <c r="L17" s="34">
        <v>225</v>
      </c>
      <c r="M17" s="34">
        <v>420</v>
      </c>
      <c r="N17" s="34">
        <v>42</v>
      </c>
      <c r="O17" s="34"/>
      <c r="P17" s="34"/>
      <c r="Q17" s="41"/>
      <c r="R17" s="37" t="s">
        <v>1570</v>
      </c>
    </row>
    <row r="18" spans="1:18" s="15" customFormat="1" ht="19.2" x14ac:dyDescent="0.45">
      <c r="A18" s="29" t="s">
        <v>22</v>
      </c>
      <c r="B18" s="29" t="s">
        <v>335</v>
      </c>
      <c r="C18" s="30" t="s">
        <v>357</v>
      </c>
      <c r="D18" s="31"/>
      <c r="E18" s="32" t="s">
        <v>279</v>
      </c>
      <c r="F18" s="32"/>
      <c r="G18" s="36"/>
      <c r="H18" s="39"/>
      <c r="I18" s="34"/>
      <c r="J18" s="34"/>
      <c r="K18" s="40"/>
      <c r="L18" s="34"/>
      <c r="M18" s="34"/>
      <c r="N18" s="34">
        <v>100</v>
      </c>
      <c r="O18" s="34"/>
      <c r="P18" s="34"/>
      <c r="Q18" s="41"/>
      <c r="R18" s="37" t="s">
        <v>1213</v>
      </c>
    </row>
    <row r="19" spans="1:18" s="15" customFormat="1" ht="13.2" x14ac:dyDescent="0.45">
      <c r="A19" s="29" t="s">
        <v>37</v>
      </c>
      <c r="B19" s="29" t="s">
        <v>303</v>
      </c>
      <c r="C19" s="30" t="s">
        <v>977</v>
      </c>
      <c r="D19" s="31"/>
      <c r="E19" s="32" t="s">
        <v>15</v>
      </c>
      <c r="F19" s="32"/>
      <c r="G19" s="36"/>
      <c r="H19" s="31"/>
      <c r="I19" s="32" t="s">
        <v>341</v>
      </c>
      <c r="J19" s="34"/>
      <c r="K19" s="35"/>
      <c r="L19" s="32"/>
      <c r="M19" s="32"/>
      <c r="N19" s="32"/>
      <c r="O19" s="32"/>
      <c r="P19" s="32"/>
      <c r="Q19" s="36" t="s">
        <v>978</v>
      </c>
      <c r="R19" s="37" t="s">
        <v>1559</v>
      </c>
    </row>
    <row r="20" spans="1:18" s="15" customFormat="1" ht="21" customHeight="1" x14ac:dyDescent="0.45">
      <c r="A20" s="29" t="s">
        <v>23</v>
      </c>
      <c r="B20" s="29" t="s">
        <v>1126</v>
      </c>
      <c r="C20" s="30" t="s">
        <v>355</v>
      </c>
      <c r="D20" s="31"/>
      <c r="E20" s="32" t="s">
        <v>279</v>
      </c>
      <c r="F20" s="32"/>
      <c r="G20" s="36"/>
      <c r="H20" s="39"/>
      <c r="I20" s="34" t="s">
        <v>342</v>
      </c>
      <c r="J20" s="34" t="s">
        <v>1208</v>
      </c>
      <c r="K20" s="40">
        <v>5</v>
      </c>
      <c r="L20" s="34"/>
      <c r="M20" s="34"/>
      <c r="N20" s="34">
        <v>65</v>
      </c>
      <c r="O20" s="34"/>
      <c r="P20" s="34">
        <v>600</v>
      </c>
      <c r="Q20" s="41"/>
      <c r="R20" s="37" t="s">
        <v>1571</v>
      </c>
    </row>
    <row r="21" spans="1:18" s="15" customFormat="1" ht="13.2" x14ac:dyDescent="0.45">
      <c r="A21" s="29" t="s">
        <v>23</v>
      </c>
      <c r="B21" s="29" t="s">
        <v>1572</v>
      </c>
      <c r="C21" s="30" t="s">
        <v>355</v>
      </c>
      <c r="D21" s="31"/>
      <c r="E21" s="32" t="s">
        <v>279</v>
      </c>
      <c r="F21" s="32"/>
      <c r="G21" s="36"/>
      <c r="H21" s="39"/>
      <c r="I21" s="34" t="s">
        <v>343</v>
      </c>
      <c r="J21" s="34">
        <v>1010</v>
      </c>
      <c r="K21" s="40">
        <v>4.5</v>
      </c>
      <c r="L21" s="34"/>
      <c r="M21" s="34"/>
      <c r="N21" s="34">
        <v>60</v>
      </c>
      <c r="O21" s="34"/>
      <c r="P21" s="34"/>
      <c r="Q21" s="41"/>
      <c r="R21" s="37" t="s">
        <v>1519</v>
      </c>
    </row>
    <row r="22" spans="1:18" s="15" customFormat="1" ht="14.25" customHeight="1" x14ac:dyDescent="0.45">
      <c r="A22" s="29" t="s">
        <v>774</v>
      </c>
      <c r="B22" s="29" t="s">
        <v>1196</v>
      </c>
      <c r="C22" s="30" t="s">
        <v>1197</v>
      </c>
      <c r="D22" s="31"/>
      <c r="E22" s="32"/>
      <c r="F22" s="32"/>
      <c r="G22" s="36" t="s">
        <v>1198</v>
      </c>
      <c r="H22" s="31"/>
      <c r="I22" s="32"/>
      <c r="J22" s="34"/>
      <c r="K22" s="35"/>
      <c r="L22" s="32"/>
      <c r="M22" s="32"/>
      <c r="N22" s="32"/>
      <c r="O22" s="32"/>
      <c r="P22" s="32"/>
      <c r="Q22" s="36"/>
      <c r="R22" s="37" t="s">
        <v>1199</v>
      </c>
    </row>
    <row r="23" spans="1:18" s="15" customFormat="1" ht="33" customHeight="1" x14ac:dyDescent="0.45">
      <c r="A23" s="29" t="s">
        <v>38</v>
      </c>
      <c r="B23" s="29" t="s">
        <v>701</v>
      </c>
      <c r="C23" s="30" t="s">
        <v>388</v>
      </c>
      <c r="D23" s="31" t="s">
        <v>389</v>
      </c>
      <c r="E23" s="32" t="s">
        <v>386</v>
      </c>
      <c r="F23" s="32"/>
      <c r="G23" s="36"/>
      <c r="H23" s="31">
        <v>140</v>
      </c>
      <c r="I23" s="32" t="s">
        <v>390</v>
      </c>
      <c r="J23" s="34" t="s">
        <v>1136</v>
      </c>
      <c r="K23" s="35">
        <v>4</v>
      </c>
      <c r="L23" s="32">
        <v>225</v>
      </c>
      <c r="M23" s="32">
        <v>420</v>
      </c>
      <c r="N23" s="32">
        <v>42</v>
      </c>
      <c r="O23" s="32">
        <v>1150</v>
      </c>
      <c r="P23" s="32"/>
      <c r="Q23" s="41"/>
      <c r="R23" s="37" t="s">
        <v>1573</v>
      </c>
    </row>
    <row r="24" spans="1:18" s="15" customFormat="1" ht="33" customHeight="1" x14ac:dyDescent="0.45">
      <c r="A24" s="29" t="s">
        <v>38</v>
      </c>
      <c r="B24" s="29" t="s">
        <v>702</v>
      </c>
      <c r="C24" s="30" t="s">
        <v>385</v>
      </c>
      <c r="D24" s="31" t="s">
        <v>284</v>
      </c>
      <c r="E24" s="32" t="s">
        <v>386</v>
      </c>
      <c r="F24" s="32"/>
      <c r="G24" s="36"/>
      <c r="H24" s="31">
        <v>120</v>
      </c>
      <c r="I24" s="32" t="s">
        <v>387</v>
      </c>
      <c r="J24" s="34" t="s">
        <v>1137</v>
      </c>
      <c r="K24" s="35">
        <v>4</v>
      </c>
      <c r="L24" s="32">
        <v>135</v>
      </c>
      <c r="M24" s="32">
        <v>235</v>
      </c>
      <c r="N24" s="32">
        <v>42</v>
      </c>
      <c r="O24" s="32">
        <v>625</v>
      </c>
      <c r="P24" s="32"/>
      <c r="Q24" s="41"/>
      <c r="R24" s="37" t="s">
        <v>1574</v>
      </c>
    </row>
    <row r="25" spans="1:18" s="15" customFormat="1" ht="31.5" customHeight="1" x14ac:dyDescent="0.45">
      <c r="A25" s="29" t="s">
        <v>24</v>
      </c>
      <c r="B25" s="29" t="s">
        <v>1127</v>
      </c>
      <c r="C25" s="30" t="s">
        <v>1128</v>
      </c>
      <c r="D25" s="31"/>
      <c r="E25" s="32" t="s">
        <v>1129</v>
      </c>
      <c r="F25" s="32"/>
      <c r="G25" s="36"/>
      <c r="H25" s="31">
        <v>180</v>
      </c>
      <c r="I25" s="32">
        <v>2600</v>
      </c>
      <c r="J25" s="34">
        <v>1350</v>
      </c>
      <c r="K25" s="35">
        <v>7</v>
      </c>
      <c r="L25" s="32">
        <v>375</v>
      </c>
      <c r="M25" s="32">
        <v>800</v>
      </c>
      <c r="N25" s="32">
        <v>95</v>
      </c>
      <c r="O25" s="32">
        <v>1845</v>
      </c>
      <c r="P25" s="32"/>
      <c r="Q25" s="36"/>
      <c r="R25" s="37" t="s">
        <v>1558</v>
      </c>
    </row>
    <row r="26" spans="1:18" s="15" customFormat="1" ht="31.5" customHeight="1" x14ac:dyDescent="0.45">
      <c r="A26" s="29" t="s">
        <v>522</v>
      </c>
      <c r="B26" s="29" t="s">
        <v>611</v>
      </c>
      <c r="C26" s="30" t="s">
        <v>310</v>
      </c>
      <c r="D26" s="31" t="s">
        <v>553</v>
      </c>
      <c r="E26" s="32"/>
      <c r="F26" s="32"/>
      <c r="G26" s="36"/>
      <c r="H26" s="39" t="s">
        <v>1236</v>
      </c>
      <c r="I26" s="32" t="s">
        <v>757</v>
      </c>
      <c r="J26" s="34" t="s">
        <v>1575</v>
      </c>
      <c r="K26" s="35">
        <v>4</v>
      </c>
      <c r="L26" s="32">
        <v>225</v>
      </c>
      <c r="M26" s="32">
        <v>420</v>
      </c>
      <c r="N26" s="32">
        <v>42</v>
      </c>
      <c r="O26" s="32">
        <v>1150</v>
      </c>
      <c r="P26" s="32"/>
      <c r="Q26" s="41" t="s">
        <v>423</v>
      </c>
      <c r="R26" s="37" t="s">
        <v>1576</v>
      </c>
    </row>
    <row r="27" spans="1:18" s="15" customFormat="1" ht="19.2" x14ac:dyDescent="0.45">
      <c r="A27" s="29" t="s">
        <v>39</v>
      </c>
      <c r="B27" s="29" t="s">
        <v>550</v>
      </c>
      <c r="C27" s="30" t="s">
        <v>551</v>
      </c>
      <c r="D27" s="31"/>
      <c r="E27" s="32" t="s">
        <v>279</v>
      </c>
      <c r="F27" s="32"/>
      <c r="G27" s="36"/>
      <c r="H27" s="31">
        <v>140</v>
      </c>
      <c r="I27" s="32" t="s">
        <v>301</v>
      </c>
      <c r="J27" s="34" t="s">
        <v>1007</v>
      </c>
      <c r="K27" s="35">
        <v>4</v>
      </c>
      <c r="L27" s="32">
        <v>225</v>
      </c>
      <c r="M27" s="32">
        <v>420</v>
      </c>
      <c r="N27" s="32">
        <v>42</v>
      </c>
      <c r="O27" s="32">
        <v>1150</v>
      </c>
      <c r="P27" s="32"/>
      <c r="Q27" s="36"/>
      <c r="R27" s="37" t="s">
        <v>1433</v>
      </c>
    </row>
    <row r="28" spans="1:18" s="15" customFormat="1" ht="21" customHeight="1" x14ac:dyDescent="0.45">
      <c r="A28" s="29" t="s">
        <v>25</v>
      </c>
      <c r="B28" s="29" t="s">
        <v>309</v>
      </c>
      <c r="C28" s="30" t="s">
        <v>313</v>
      </c>
      <c r="D28" s="31"/>
      <c r="E28" s="32" t="s">
        <v>279</v>
      </c>
      <c r="F28" s="32"/>
      <c r="G28" s="36"/>
      <c r="H28" s="31">
        <v>160</v>
      </c>
      <c r="I28" s="32" t="s">
        <v>314</v>
      </c>
      <c r="J28" s="34" t="s">
        <v>1083</v>
      </c>
      <c r="K28" s="35">
        <v>5.5</v>
      </c>
      <c r="L28" s="32">
        <v>309</v>
      </c>
      <c r="M28" s="32">
        <v>600</v>
      </c>
      <c r="N28" s="32">
        <v>72</v>
      </c>
      <c r="O28" s="32">
        <v>1560</v>
      </c>
      <c r="P28" s="32"/>
      <c r="Q28" s="36"/>
      <c r="R28" s="37" t="s">
        <v>957</v>
      </c>
    </row>
    <row r="29" spans="1:18" s="15" customFormat="1" ht="21" customHeight="1" x14ac:dyDescent="0.45">
      <c r="A29" s="29" t="s">
        <v>26</v>
      </c>
      <c r="B29" s="29" t="s">
        <v>322</v>
      </c>
      <c r="C29" s="30" t="s">
        <v>313</v>
      </c>
      <c r="D29" s="31"/>
      <c r="E29" s="32" t="s">
        <v>279</v>
      </c>
      <c r="F29" s="32"/>
      <c r="G29" s="36"/>
      <c r="H29" s="31"/>
      <c r="I29" s="32" t="s">
        <v>323</v>
      </c>
      <c r="J29" s="34">
        <v>940</v>
      </c>
      <c r="K29" s="35">
        <v>4</v>
      </c>
      <c r="L29" s="32"/>
      <c r="M29" s="32"/>
      <c r="N29" s="32">
        <v>45</v>
      </c>
      <c r="O29" s="32"/>
      <c r="P29" s="32">
        <v>460</v>
      </c>
      <c r="Q29" s="36"/>
      <c r="R29" s="37" t="s">
        <v>397</v>
      </c>
    </row>
    <row r="30" spans="1:18" s="15" customFormat="1" ht="14.25" customHeight="1" x14ac:dyDescent="0.45">
      <c r="A30" s="29" t="s">
        <v>27</v>
      </c>
      <c r="B30" s="29" t="s">
        <v>496</v>
      </c>
      <c r="C30" s="30" t="s">
        <v>313</v>
      </c>
      <c r="D30" s="31"/>
      <c r="E30" s="32"/>
      <c r="F30" s="32"/>
      <c r="G30" s="36" t="s">
        <v>859</v>
      </c>
      <c r="H30" s="31"/>
      <c r="I30" s="32"/>
      <c r="J30" s="34"/>
      <c r="K30" s="35"/>
      <c r="L30" s="32"/>
      <c r="M30" s="32"/>
      <c r="N30" s="32"/>
      <c r="O30" s="32"/>
      <c r="P30" s="32"/>
      <c r="Q30" s="36"/>
      <c r="R30" s="37" t="s">
        <v>1226</v>
      </c>
    </row>
    <row r="31" spans="1:18" s="15" customFormat="1" ht="19.2" x14ac:dyDescent="0.45">
      <c r="A31" s="42" t="s">
        <v>28</v>
      </c>
      <c r="B31" s="42" t="s">
        <v>345</v>
      </c>
      <c r="C31" s="43" t="s">
        <v>355</v>
      </c>
      <c r="D31" s="44"/>
      <c r="E31" s="45" t="s">
        <v>279</v>
      </c>
      <c r="F31" s="45"/>
      <c r="G31" s="52"/>
      <c r="H31" s="47">
        <v>160</v>
      </c>
      <c r="I31" s="45">
        <v>2300</v>
      </c>
      <c r="J31" s="48">
        <v>1190</v>
      </c>
      <c r="K31" s="49">
        <v>5.5</v>
      </c>
      <c r="L31" s="45">
        <v>309</v>
      </c>
      <c r="M31" s="45">
        <v>600</v>
      </c>
      <c r="N31" s="45">
        <v>72</v>
      </c>
      <c r="O31" s="45"/>
      <c r="P31" s="45"/>
      <c r="Q31" s="50"/>
      <c r="R31" s="51" t="s">
        <v>1521</v>
      </c>
    </row>
    <row r="32" spans="1:18" s="15" customFormat="1" ht="38.4" x14ac:dyDescent="0.45">
      <c r="A32" s="42" t="s">
        <v>29</v>
      </c>
      <c r="B32" s="42" t="s">
        <v>303</v>
      </c>
      <c r="C32" s="43" t="s">
        <v>356</v>
      </c>
      <c r="D32" s="44"/>
      <c r="E32" s="45" t="s">
        <v>279</v>
      </c>
      <c r="F32" s="45"/>
      <c r="G32" s="52"/>
      <c r="H32" s="47" t="s">
        <v>1577</v>
      </c>
      <c r="I32" s="48">
        <v>1670</v>
      </c>
      <c r="J32" s="48">
        <v>650</v>
      </c>
      <c r="K32" s="53">
        <v>1.5</v>
      </c>
      <c r="L32" s="48">
        <v>115</v>
      </c>
      <c r="M32" s="48">
        <v>195</v>
      </c>
      <c r="N32" s="48">
        <v>13</v>
      </c>
      <c r="O32" s="48">
        <v>595</v>
      </c>
      <c r="P32" s="48"/>
      <c r="Q32" s="50"/>
      <c r="R32" s="51" t="s">
        <v>1578</v>
      </c>
    </row>
    <row r="33" spans="1:18" s="15" customFormat="1" ht="38.4" x14ac:dyDescent="0.45">
      <c r="A33" s="29" t="s">
        <v>30</v>
      </c>
      <c r="B33" s="29" t="s">
        <v>303</v>
      </c>
      <c r="C33" s="30" t="s">
        <v>357</v>
      </c>
      <c r="D33" s="31"/>
      <c r="E33" s="32" t="s">
        <v>279</v>
      </c>
      <c r="F33" s="32"/>
      <c r="G33" s="36"/>
      <c r="H33" s="39"/>
      <c r="I33" s="34">
        <v>2050</v>
      </c>
      <c r="J33" s="34" t="s">
        <v>816</v>
      </c>
      <c r="K33" s="40"/>
      <c r="L33" s="34">
        <v>220</v>
      </c>
      <c r="M33" s="34"/>
      <c r="N33" s="34">
        <v>45</v>
      </c>
      <c r="O33" s="34"/>
      <c r="P33" s="34"/>
      <c r="Q33" s="41"/>
      <c r="R33" s="37" t="s">
        <v>1089</v>
      </c>
    </row>
    <row r="34" spans="1:18" s="15" customFormat="1" ht="21" customHeight="1" x14ac:dyDescent="0.45">
      <c r="A34" s="29" t="s">
        <v>31</v>
      </c>
      <c r="B34" s="29" t="s">
        <v>324</v>
      </c>
      <c r="C34" s="30" t="s">
        <v>873</v>
      </c>
      <c r="D34" s="31"/>
      <c r="E34" s="32" t="s">
        <v>279</v>
      </c>
      <c r="F34" s="32"/>
      <c r="G34" s="36"/>
      <c r="H34" s="31"/>
      <c r="I34" s="32" t="s">
        <v>293</v>
      </c>
      <c r="J34" s="34">
        <v>1140</v>
      </c>
      <c r="K34" s="35">
        <v>5.5</v>
      </c>
      <c r="L34" s="32">
        <v>334</v>
      </c>
      <c r="M34" s="32"/>
      <c r="N34" s="32">
        <v>61</v>
      </c>
      <c r="O34" s="32">
        <v>1000</v>
      </c>
      <c r="P34" s="32">
        <v>730</v>
      </c>
      <c r="Q34" s="36"/>
      <c r="R34" s="37" t="s">
        <v>1070</v>
      </c>
    </row>
    <row r="35" spans="1:18" s="15" customFormat="1" ht="19.2" x14ac:dyDescent="0.45">
      <c r="A35" s="29" t="s">
        <v>32</v>
      </c>
      <c r="B35" s="29" t="s">
        <v>344</v>
      </c>
      <c r="C35" s="30" t="s">
        <v>355</v>
      </c>
      <c r="D35" s="31"/>
      <c r="E35" s="32" t="s">
        <v>279</v>
      </c>
      <c r="F35" s="32"/>
      <c r="G35" s="36"/>
      <c r="H35" s="39"/>
      <c r="I35" s="34" t="s">
        <v>342</v>
      </c>
      <c r="J35" s="34">
        <v>970</v>
      </c>
      <c r="K35" s="40"/>
      <c r="L35" s="34"/>
      <c r="M35" s="34"/>
      <c r="N35" s="34">
        <v>38</v>
      </c>
      <c r="O35" s="34"/>
      <c r="P35" s="34">
        <v>500</v>
      </c>
      <c r="Q35" s="41" t="s">
        <v>423</v>
      </c>
      <c r="R35" s="37" t="s">
        <v>1714</v>
      </c>
    </row>
    <row r="36" spans="1:18" s="15" customFormat="1" ht="38.4" x14ac:dyDescent="0.45">
      <c r="A36" s="29" t="s">
        <v>33</v>
      </c>
      <c r="B36" s="29" t="s">
        <v>336</v>
      </c>
      <c r="C36" s="30" t="s">
        <v>356</v>
      </c>
      <c r="D36" s="31"/>
      <c r="E36" s="32" t="s">
        <v>279</v>
      </c>
      <c r="F36" s="32"/>
      <c r="G36" s="36"/>
      <c r="H36" s="39" t="s">
        <v>337</v>
      </c>
      <c r="I36" s="34" t="s">
        <v>334</v>
      </c>
      <c r="J36" s="34" t="s">
        <v>354</v>
      </c>
      <c r="K36" s="40">
        <v>5.5</v>
      </c>
      <c r="L36" s="34">
        <v>334</v>
      </c>
      <c r="M36" s="34"/>
      <c r="N36" s="34">
        <v>72</v>
      </c>
      <c r="O36" s="34">
        <v>1095</v>
      </c>
      <c r="P36" s="34"/>
      <c r="Q36" s="41"/>
      <c r="R36" s="37" t="s">
        <v>848</v>
      </c>
    </row>
    <row r="37" spans="1:18" s="15" customFormat="1" ht="14.25" customHeight="1" thickBot="1" x14ac:dyDescent="0.5">
      <c r="A37" s="29" t="s">
        <v>40</v>
      </c>
      <c r="B37" s="29" t="s">
        <v>1171</v>
      </c>
      <c r="C37" s="30" t="s">
        <v>464</v>
      </c>
      <c r="D37" s="69"/>
      <c r="E37" s="70"/>
      <c r="F37" s="70"/>
      <c r="G37" s="71" t="s">
        <v>15</v>
      </c>
      <c r="H37" s="69"/>
      <c r="I37" s="70" t="s">
        <v>423</v>
      </c>
      <c r="J37" s="70" t="s">
        <v>423</v>
      </c>
      <c r="K37" s="73"/>
      <c r="L37" s="70"/>
      <c r="M37" s="70"/>
      <c r="N37" s="70"/>
      <c r="O37" s="70"/>
      <c r="P37" s="70"/>
      <c r="Q37" s="71" t="s">
        <v>976</v>
      </c>
      <c r="R37" s="37" t="s">
        <v>975</v>
      </c>
    </row>
    <row r="38" spans="1:18" s="15" customFormat="1" ht="14.25" customHeight="1" x14ac:dyDescent="0.45">
      <c r="A38" s="66"/>
      <c r="B38" s="66"/>
      <c r="C38" s="66"/>
      <c r="D38" s="68"/>
      <c r="E38" s="68"/>
      <c r="F38" s="68"/>
      <c r="G38" s="68"/>
      <c r="H38" s="68"/>
      <c r="I38" s="68"/>
      <c r="J38" s="68"/>
      <c r="K38" s="72"/>
      <c r="L38" s="68"/>
      <c r="M38" s="68"/>
      <c r="N38" s="68"/>
      <c r="O38" s="68"/>
      <c r="P38" s="68"/>
      <c r="Q38" s="68"/>
      <c r="R38" s="66"/>
    </row>
    <row r="39" spans="1:18" ht="18" thickBot="1" x14ac:dyDescent="0.5">
      <c r="A39" s="27" t="s">
        <v>1720</v>
      </c>
    </row>
    <row r="40" spans="1:18" ht="16.8" thickBot="1" x14ac:dyDescent="0.5">
      <c r="A40" s="98" t="s">
        <v>0</v>
      </c>
      <c r="B40" s="101" t="s">
        <v>1</v>
      </c>
      <c r="C40" s="104" t="s">
        <v>16</v>
      </c>
      <c r="D40" s="107" t="s">
        <v>2</v>
      </c>
      <c r="E40" s="108"/>
      <c r="F40" s="108"/>
      <c r="G40" s="109"/>
      <c r="H40" s="110" t="s">
        <v>3</v>
      </c>
      <c r="I40" s="111"/>
      <c r="J40" s="111"/>
      <c r="K40" s="112"/>
      <c r="L40" s="111"/>
      <c r="M40" s="111"/>
      <c r="N40" s="111"/>
      <c r="O40" s="111"/>
      <c r="P40" s="111"/>
      <c r="Q40" s="113"/>
      <c r="R40" s="75" t="s">
        <v>4</v>
      </c>
    </row>
    <row r="41" spans="1:18" ht="16.5" customHeight="1" x14ac:dyDescent="0.45">
      <c r="A41" s="99"/>
      <c r="B41" s="102"/>
      <c r="C41" s="105"/>
      <c r="D41" s="77" t="s">
        <v>5</v>
      </c>
      <c r="E41" s="80" t="s">
        <v>6</v>
      </c>
      <c r="F41" s="81"/>
      <c r="G41" s="81"/>
      <c r="H41" s="82" t="s">
        <v>7</v>
      </c>
      <c r="I41" s="85" t="s">
        <v>961</v>
      </c>
      <c r="J41" s="85" t="s">
        <v>755</v>
      </c>
      <c r="K41" s="88" t="s">
        <v>8</v>
      </c>
      <c r="L41" s="85" t="s">
        <v>9</v>
      </c>
      <c r="M41" s="85" t="s">
        <v>10</v>
      </c>
      <c r="N41" s="85" t="s">
        <v>381</v>
      </c>
      <c r="O41" s="85" t="s">
        <v>382</v>
      </c>
      <c r="P41" s="85" t="s">
        <v>383</v>
      </c>
      <c r="Q41" s="91" t="s">
        <v>11</v>
      </c>
      <c r="R41" s="76"/>
    </row>
    <row r="42" spans="1:18" x14ac:dyDescent="0.45">
      <c r="A42" s="99"/>
      <c r="B42" s="102"/>
      <c r="C42" s="105"/>
      <c r="D42" s="78"/>
      <c r="E42" s="94" t="s">
        <v>12</v>
      </c>
      <c r="F42" s="94" t="s">
        <v>13</v>
      </c>
      <c r="G42" s="96" t="s">
        <v>456</v>
      </c>
      <c r="H42" s="83"/>
      <c r="I42" s="86" t="s">
        <v>14</v>
      </c>
      <c r="J42" s="86" t="s">
        <v>8</v>
      </c>
      <c r="K42" s="89" t="s">
        <v>8</v>
      </c>
      <c r="L42" s="86" t="s">
        <v>8</v>
      </c>
      <c r="M42" s="86" t="s">
        <v>8</v>
      </c>
      <c r="N42" s="86" t="s">
        <v>8</v>
      </c>
      <c r="O42" s="86" t="s">
        <v>8</v>
      </c>
      <c r="P42" s="86" t="s">
        <v>8</v>
      </c>
      <c r="Q42" s="92" t="s">
        <v>8</v>
      </c>
      <c r="R42" s="76"/>
    </row>
    <row r="43" spans="1:18" x14ac:dyDescent="0.45">
      <c r="A43" s="100"/>
      <c r="B43" s="103"/>
      <c r="C43" s="106"/>
      <c r="D43" s="79"/>
      <c r="E43" s="95"/>
      <c r="F43" s="95" t="s">
        <v>13</v>
      </c>
      <c r="G43" s="97"/>
      <c r="H43" s="84"/>
      <c r="I43" s="87"/>
      <c r="J43" s="87"/>
      <c r="K43" s="90"/>
      <c r="L43" s="87"/>
      <c r="M43" s="87"/>
      <c r="N43" s="87"/>
      <c r="O43" s="87"/>
      <c r="P43" s="87"/>
      <c r="Q43" s="93"/>
      <c r="R43" s="76"/>
    </row>
    <row r="44" spans="1:18" s="15" customFormat="1" ht="14.25" customHeight="1" x14ac:dyDescent="0.45">
      <c r="A44" s="29" t="s">
        <v>775</v>
      </c>
      <c r="B44" s="29" t="s">
        <v>997</v>
      </c>
      <c r="C44" s="30" t="s">
        <v>998</v>
      </c>
      <c r="D44" s="31"/>
      <c r="E44" s="32" t="s">
        <v>999</v>
      </c>
      <c r="F44" s="32"/>
      <c r="G44" s="33"/>
      <c r="H44" s="31"/>
      <c r="I44" s="32" t="s">
        <v>1000</v>
      </c>
      <c r="J44" s="32" t="s">
        <v>1001</v>
      </c>
      <c r="K44" s="32"/>
      <c r="L44" s="32"/>
      <c r="M44" s="32"/>
      <c r="N44" s="32"/>
      <c r="O44" s="32"/>
      <c r="P44" s="32"/>
      <c r="Q44" s="36"/>
      <c r="R44" s="37" t="s">
        <v>1435</v>
      </c>
    </row>
    <row r="45" spans="1:18" s="15" customFormat="1" ht="13.2" x14ac:dyDescent="0.45">
      <c r="A45" s="29" t="s">
        <v>534</v>
      </c>
      <c r="B45" s="29" t="s">
        <v>465</v>
      </c>
      <c r="C45" s="30" t="s">
        <v>649</v>
      </c>
      <c r="D45" s="31"/>
      <c r="E45" s="32" t="s">
        <v>279</v>
      </c>
      <c r="F45" s="32"/>
      <c r="G45" s="33"/>
      <c r="H45" s="31"/>
      <c r="I45" s="32" t="s">
        <v>466</v>
      </c>
      <c r="J45" s="34">
        <v>690</v>
      </c>
      <c r="K45" s="35"/>
      <c r="L45" s="32"/>
      <c r="M45" s="32"/>
      <c r="N45" s="32"/>
      <c r="O45" s="32"/>
      <c r="P45" s="32"/>
      <c r="Q45" s="41"/>
      <c r="R45" s="37" t="s">
        <v>1434</v>
      </c>
    </row>
    <row r="46" spans="1:18" s="15" customFormat="1" ht="28.8" x14ac:dyDescent="0.45">
      <c r="A46" s="29" t="s">
        <v>41</v>
      </c>
      <c r="B46" s="29" t="s">
        <v>462</v>
      </c>
      <c r="C46" s="30" t="s">
        <v>463</v>
      </c>
      <c r="D46" s="31"/>
      <c r="E46" s="32" t="s">
        <v>279</v>
      </c>
      <c r="F46" s="32"/>
      <c r="G46" s="33"/>
      <c r="H46" s="31">
        <v>120</v>
      </c>
      <c r="I46" s="34">
        <v>1800</v>
      </c>
      <c r="J46" s="34">
        <v>760</v>
      </c>
      <c r="K46" s="35">
        <v>3</v>
      </c>
      <c r="L46" s="32">
        <v>165</v>
      </c>
      <c r="M46" s="32"/>
      <c r="N46" s="32">
        <v>22</v>
      </c>
      <c r="O46" s="32">
        <v>590</v>
      </c>
      <c r="P46" s="32"/>
      <c r="Q46" s="36" t="s">
        <v>988</v>
      </c>
      <c r="R46" s="37" t="s">
        <v>817</v>
      </c>
    </row>
    <row r="47" spans="1:18" s="15" customFormat="1" ht="14.25" customHeight="1" x14ac:dyDescent="0.45">
      <c r="A47" s="29" t="s">
        <v>467</v>
      </c>
      <c r="B47" s="29" t="s">
        <v>468</v>
      </c>
      <c r="C47" s="30" t="s">
        <v>412</v>
      </c>
      <c r="D47" s="31"/>
      <c r="E47" s="32" t="s">
        <v>279</v>
      </c>
      <c r="F47" s="32"/>
      <c r="G47" s="33"/>
      <c r="H47" s="31"/>
      <c r="I47" s="32" t="s">
        <v>466</v>
      </c>
      <c r="J47" s="34"/>
      <c r="K47" s="35"/>
      <c r="L47" s="32"/>
      <c r="M47" s="32"/>
      <c r="N47" s="32">
        <v>42</v>
      </c>
      <c r="O47" s="32"/>
      <c r="P47" s="32">
        <v>500</v>
      </c>
      <c r="Q47" s="36"/>
      <c r="R47" s="37" t="s">
        <v>699</v>
      </c>
    </row>
    <row r="48" spans="1:18" s="15" customFormat="1" ht="14.25" customHeight="1" x14ac:dyDescent="0.45">
      <c r="A48" s="29" t="s">
        <v>42</v>
      </c>
      <c r="B48" s="29" t="s">
        <v>1294</v>
      </c>
      <c r="C48" s="30" t="s">
        <v>1510</v>
      </c>
      <c r="D48" s="31" t="s">
        <v>1295</v>
      </c>
      <c r="E48" s="32"/>
      <c r="F48" s="32"/>
      <c r="G48" s="33"/>
      <c r="H48" s="31">
        <v>140</v>
      </c>
      <c r="I48" s="32">
        <v>1950</v>
      </c>
      <c r="J48" s="34">
        <v>930</v>
      </c>
      <c r="K48" s="35">
        <v>4</v>
      </c>
      <c r="L48" s="32">
        <v>225</v>
      </c>
      <c r="M48" s="32">
        <v>420</v>
      </c>
      <c r="N48" s="32">
        <v>42</v>
      </c>
      <c r="O48" s="32">
        <v>1150</v>
      </c>
      <c r="P48" s="32"/>
      <c r="Q48" s="36"/>
      <c r="R48" s="37" t="s">
        <v>1296</v>
      </c>
    </row>
    <row r="49" spans="1:18" s="15" customFormat="1" ht="21" customHeight="1" x14ac:dyDescent="0.45">
      <c r="A49" s="29" t="s">
        <v>541</v>
      </c>
      <c r="B49" s="29" t="s">
        <v>996</v>
      </c>
      <c r="C49" s="30" t="s">
        <v>400</v>
      </c>
      <c r="D49" s="31"/>
      <c r="E49" s="32" t="s">
        <v>279</v>
      </c>
      <c r="F49" s="32"/>
      <c r="G49" s="33"/>
      <c r="H49" s="31">
        <v>120</v>
      </c>
      <c r="I49" s="32" t="s">
        <v>341</v>
      </c>
      <c r="J49" s="34">
        <v>690</v>
      </c>
      <c r="K49" s="35">
        <v>4</v>
      </c>
      <c r="L49" s="32">
        <v>135</v>
      </c>
      <c r="M49" s="32">
        <v>235</v>
      </c>
      <c r="N49" s="32">
        <v>42</v>
      </c>
      <c r="O49" s="32"/>
      <c r="P49" s="32"/>
      <c r="Q49" s="36"/>
      <c r="R49" s="37" t="s">
        <v>1085</v>
      </c>
    </row>
    <row r="50" spans="1:18" s="15" customFormat="1" ht="13.2" x14ac:dyDescent="0.45">
      <c r="A50" s="29" t="s">
        <v>43</v>
      </c>
      <c r="B50" s="29" t="s">
        <v>833</v>
      </c>
      <c r="C50" s="30" t="s">
        <v>312</v>
      </c>
      <c r="D50" s="31"/>
      <c r="E50" s="32" t="s">
        <v>279</v>
      </c>
      <c r="F50" s="32"/>
      <c r="G50" s="33"/>
      <c r="H50" s="31"/>
      <c r="I50" s="32"/>
      <c r="J50" s="34"/>
      <c r="K50" s="35"/>
      <c r="L50" s="32"/>
      <c r="M50" s="32"/>
      <c r="N50" s="32"/>
      <c r="O50" s="32"/>
      <c r="P50" s="32"/>
      <c r="Q50" s="36"/>
      <c r="R50" s="37" t="s">
        <v>834</v>
      </c>
    </row>
    <row r="51" spans="1:18" s="15" customFormat="1" ht="14.25" customHeight="1" x14ac:dyDescent="0.45">
      <c r="A51" s="29" t="s">
        <v>43</v>
      </c>
      <c r="B51" s="29" t="s">
        <v>303</v>
      </c>
      <c r="C51" s="30" t="s">
        <v>991</v>
      </c>
      <c r="D51" s="31" t="s">
        <v>284</v>
      </c>
      <c r="E51" s="32"/>
      <c r="F51" s="32"/>
      <c r="G51" s="33"/>
      <c r="H51" s="31">
        <v>140</v>
      </c>
      <c r="I51" s="32">
        <v>1980</v>
      </c>
      <c r="J51" s="34">
        <v>930</v>
      </c>
      <c r="K51" s="35">
        <v>4</v>
      </c>
      <c r="L51" s="32">
        <v>225</v>
      </c>
      <c r="M51" s="32">
        <v>420</v>
      </c>
      <c r="N51" s="32">
        <v>42</v>
      </c>
      <c r="O51" s="32">
        <v>790</v>
      </c>
      <c r="P51" s="32"/>
      <c r="Q51" s="36" t="s">
        <v>1297</v>
      </c>
      <c r="R51" s="37"/>
    </row>
    <row r="52" spans="1:18" s="15" customFormat="1" ht="31.5" customHeight="1" x14ac:dyDescent="0.45">
      <c r="A52" s="29" t="s">
        <v>47</v>
      </c>
      <c r="B52" s="29" t="s">
        <v>993</v>
      </c>
      <c r="C52" s="30" t="s">
        <v>994</v>
      </c>
      <c r="D52" s="31"/>
      <c r="E52" s="32" t="s">
        <v>995</v>
      </c>
      <c r="F52" s="32"/>
      <c r="G52" s="33"/>
      <c r="H52" s="31"/>
      <c r="I52" s="32">
        <v>1700</v>
      </c>
      <c r="J52" s="34" t="s">
        <v>987</v>
      </c>
      <c r="K52" s="35"/>
      <c r="L52" s="32"/>
      <c r="M52" s="32"/>
      <c r="N52" s="32"/>
      <c r="O52" s="32">
        <v>385</v>
      </c>
      <c r="P52" s="32"/>
      <c r="Q52" s="36"/>
      <c r="R52" s="37" t="s">
        <v>1436</v>
      </c>
    </row>
    <row r="53" spans="1:18" s="15" customFormat="1" ht="28.8" x14ac:dyDescent="0.45">
      <c r="A53" s="29" t="s">
        <v>45</v>
      </c>
      <c r="B53" s="29" t="s">
        <v>303</v>
      </c>
      <c r="C53" s="30" t="s">
        <v>1510</v>
      </c>
      <c r="D53" s="31"/>
      <c r="E53" s="32" t="s">
        <v>279</v>
      </c>
      <c r="F53" s="32"/>
      <c r="G53" s="33"/>
      <c r="H53" s="31"/>
      <c r="I53" s="32" t="s">
        <v>341</v>
      </c>
      <c r="J53" s="34" t="s">
        <v>1133</v>
      </c>
      <c r="K53" s="35">
        <v>3</v>
      </c>
      <c r="L53" s="32"/>
      <c r="M53" s="32"/>
      <c r="N53" s="32">
        <v>42</v>
      </c>
      <c r="O53" s="32">
        <v>625</v>
      </c>
      <c r="P53" s="32"/>
      <c r="Q53" s="36"/>
      <c r="R53" s="37" t="s">
        <v>1511</v>
      </c>
    </row>
    <row r="54" spans="1:18" s="15" customFormat="1" ht="13.2" x14ac:dyDescent="0.45">
      <c r="A54" s="29" t="s">
        <v>45</v>
      </c>
      <c r="B54" s="29" t="s">
        <v>303</v>
      </c>
      <c r="C54" s="30" t="s">
        <v>1510</v>
      </c>
      <c r="D54" s="31"/>
      <c r="E54" s="32" t="s">
        <v>279</v>
      </c>
      <c r="F54" s="32"/>
      <c r="G54" s="33"/>
      <c r="H54" s="31"/>
      <c r="I54" s="32" t="s">
        <v>423</v>
      </c>
      <c r="J54" s="34"/>
      <c r="K54" s="35"/>
      <c r="L54" s="32"/>
      <c r="M54" s="32"/>
      <c r="N54" s="32"/>
      <c r="O54" s="32"/>
      <c r="P54" s="32"/>
      <c r="Q54" s="36"/>
      <c r="R54" s="37" t="s">
        <v>1512</v>
      </c>
    </row>
    <row r="55" spans="1:18" s="15" customFormat="1" ht="21" customHeight="1" x14ac:dyDescent="0.45">
      <c r="A55" s="29" t="s">
        <v>44</v>
      </c>
      <c r="B55" s="29" t="s">
        <v>1328</v>
      </c>
      <c r="C55" s="30" t="s">
        <v>1329</v>
      </c>
      <c r="D55" s="31"/>
      <c r="E55" s="32" t="s">
        <v>1330</v>
      </c>
      <c r="F55" s="32"/>
      <c r="G55" s="33"/>
      <c r="H55" s="31"/>
      <c r="I55" s="32" t="s">
        <v>341</v>
      </c>
      <c r="J55" s="34"/>
      <c r="K55" s="35"/>
      <c r="L55" s="32"/>
      <c r="M55" s="32"/>
      <c r="N55" s="32"/>
      <c r="O55" s="32"/>
      <c r="P55" s="32"/>
      <c r="Q55" s="36"/>
      <c r="R55" s="37" t="s">
        <v>1331</v>
      </c>
    </row>
    <row r="56" spans="1:18" s="15" customFormat="1" ht="38.4" x14ac:dyDescent="0.45">
      <c r="A56" s="29" t="s">
        <v>46</v>
      </c>
      <c r="B56" s="29" t="s">
        <v>1003</v>
      </c>
      <c r="C56" s="30" t="s">
        <v>1437</v>
      </c>
      <c r="D56" s="31"/>
      <c r="E56" s="32" t="s">
        <v>1004</v>
      </c>
      <c r="F56" s="32"/>
      <c r="G56" s="33"/>
      <c r="H56" s="31"/>
      <c r="I56" s="32">
        <v>1728</v>
      </c>
      <c r="J56" s="34" t="s">
        <v>1005</v>
      </c>
      <c r="K56" s="35"/>
      <c r="L56" s="32"/>
      <c r="M56" s="32"/>
      <c r="N56" s="32"/>
      <c r="O56" s="32">
        <v>635</v>
      </c>
      <c r="P56" s="32"/>
      <c r="Q56" s="36"/>
      <c r="R56" s="37" t="s">
        <v>1579</v>
      </c>
    </row>
    <row r="57" spans="1:18" s="15" customFormat="1" ht="19.2" x14ac:dyDescent="0.45">
      <c r="A57" s="29" t="s">
        <v>48</v>
      </c>
      <c r="B57" s="29" t="s">
        <v>447</v>
      </c>
      <c r="C57" s="30" t="s">
        <v>400</v>
      </c>
      <c r="D57" s="31"/>
      <c r="E57" s="32" t="s">
        <v>279</v>
      </c>
      <c r="F57" s="32"/>
      <c r="G57" s="33"/>
      <c r="H57" s="31"/>
      <c r="I57" s="32" t="s">
        <v>341</v>
      </c>
      <c r="J57" s="34"/>
      <c r="K57" s="35"/>
      <c r="L57" s="32"/>
      <c r="M57" s="32"/>
      <c r="N57" s="32"/>
      <c r="O57" s="32"/>
      <c r="P57" s="32"/>
      <c r="Q57" s="36"/>
      <c r="R57" s="37" t="s">
        <v>1549</v>
      </c>
    </row>
    <row r="58" spans="1:18" s="15" customFormat="1" ht="21" customHeight="1" x14ac:dyDescent="0.45">
      <c r="A58" s="29" t="s">
        <v>49</v>
      </c>
      <c r="B58" s="29" t="s">
        <v>1298</v>
      </c>
      <c r="C58" s="30" t="s">
        <v>1299</v>
      </c>
      <c r="D58" s="31"/>
      <c r="E58" s="32" t="s">
        <v>1300</v>
      </c>
      <c r="F58" s="32"/>
      <c r="G58" s="33"/>
      <c r="H58" s="31"/>
      <c r="I58" s="32">
        <v>1728</v>
      </c>
      <c r="J58" s="34">
        <v>680</v>
      </c>
      <c r="K58" s="35"/>
      <c r="L58" s="32">
        <v>135</v>
      </c>
      <c r="M58" s="32">
        <v>235</v>
      </c>
      <c r="N58" s="32"/>
      <c r="O58" s="32">
        <v>790</v>
      </c>
      <c r="P58" s="32">
        <v>550</v>
      </c>
      <c r="Q58" s="36"/>
      <c r="R58" s="37" t="s">
        <v>1301</v>
      </c>
    </row>
    <row r="59" spans="1:18" s="15" customFormat="1" ht="19.2" x14ac:dyDescent="0.45">
      <c r="A59" s="29" t="s">
        <v>51</v>
      </c>
      <c r="B59" s="29" t="s">
        <v>650</v>
      </c>
      <c r="C59" s="30" t="s">
        <v>1065</v>
      </c>
      <c r="D59" s="31"/>
      <c r="E59" s="32" t="s">
        <v>279</v>
      </c>
      <c r="F59" s="32"/>
      <c r="G59" s="33"/>
      <c r="H59" s="31">
        <v>140</v>
      </c>
      <c r="I59" s="32" t="s">
        <v>577</v>
      </c>
      <c r="J59" s="34" t="s">
        <v>1034</v>
      </c>
      <c r="K59" s="35">
        <v>4</v>
      </c>
      <c r="L59" s="32">
        <v>225</v>
      </c>
      <c r="M59" s="32">
        <v>420</v>
      </c>
      <c r="N59" s="32">
        <v>42</v>
      </c>
      <c r="O59" s="32">
        <v>790</v>
      </c>
      <c r="P59" s="32">
        <v>550</v>
      </c>
      <c r="Q59" s="36"/>
      <c r="R59" s="37" t="s">
        <v>1438</v>
      </c>
    </row>
    <row r="60" spans="1:18" s="15" customFormat="1" ht="13.2" x14ac:dyDescent="0.45">
      <c r="A60" s="29" t="s">
        <v>1053</v>
      </c>
      <c r="B60" s="29" t="s">
        <v>303</v>
      </c>
      <c r="C60" s="30" t="s">
        <v>400</v>
      </c>
      <c r="D60" s="31"/>
      <c r="E60" s="32" t="s">
        <v>279</v>
      </c>
      <c r="F60" s="32"/>
      <c r="G60" s="33"/>
      <c r="H60" s="31"/>
      <c r="I60" s="32">
        <v>1980</v>
      </c>
      <c r="J60" s="34">
        <v>930</v>
      </c>
      <c r="K60" s="35"/>
      <c r="L60" s="32"/>
      <c r="M60" s="32"/>
      <c r="N60" s="32">
        <v>42</v>
      </c>
      <c r="O60" s="32">
        <v>790</v>
      </c>
      <c r="P60" s="32">
        <v>550</v>
      </c>
      <c r="Q60" s="36"/>
      <c r="R60" s="37" t="s">
        <v>911</v>
      </c>
    </row>
    <row r="61" spans="1:18" s="15" customFormat="1" ht="28.8" x14ac:dyDescent="0.45">
      <c r="A61" s="29" t="s">
        <v>50</v>
      </c>
      <c r="B61" s="29" t="s">
        <v>409</v>
      </c>
      <c r="C61" s="30" t="s">
        <v>781</v>
      </c>
      <c r="D61" s="31"/>
      <c r="E61" s="32" t="s">
        <v>279</v>
      </c>
      <c r="F61" s="32"/>
      <c r="G61" s="33"/>
      <c r="H61" s="31">
        <v>125</v>
      </c>
      <c r="I61" s="32">
        <v>1785</v>
      </c>
      <c r="J61" s="34">
        <v>758</v>
      </c>
      <c r="K61" s="35">
        <v>4</v>
      </c>
      <c r="L61" s="32">
        <v>150</v>
      </c>
      <c r="M61" s="32">
        <v>280</v>
      </c>
      <c r="N61" s="32">
        <v>42</v>
      </c>
      <c r="O61" s="32">
        <v>755</v>
      </c>
      <c r="P61" s="32"/>
      <c r="Q61" s="36"/>
      <c r="R61" s="37" t="s">
        <v>1580</v>
      </c>
    </row>
    <row r="62" spans="1:18" s="18" customFormat="1" ht="21" customHeight="1" x14ac:dyDescent="0.45">
      <c r="A62" s="29" t="s">
        <v>52</v>
      </c>
      <c r="B62" s="29" t="s">
        <v>395</v>
      </c>
      <c r="C62" s="30" t="s">
        <v>310</v>
      </c>
      <c r="D62" s="31"/>
      <c r="E62" s="32" t="s">
        <v>279</v>
      </c>
      <c r="F62" s="32"/>
      <c r="G62" s="33"/>
      <c r="H62" s="31"/>
      <c r="I62" s="34" t="s">
        <v>341</v>
      </c>
      <c r="J62" s="34"/>
      <c r="K62" s="35"/>
      <c r="L62" s="32"/>
      <c r="M62" s="32"/>
      <c r="N62" s="32"/>
      <c r="O62" s="32"/>
      <c r="P62" s="32"/>
      <c r="Q62" s="36"/>
      <c r="R62" s="37" t="s">
        <v>926</v>
      </c>
    </row>
    <row r="63" spans="1:18" s="15" customFormat="1" ht="21" customHeight="1" x14ac:dyDescent="0.45">
      <c r="A63" s="29" t="s">
        <v>53</v>
      </c>
      <c r="B63" s="29" t="s">
        <v>1284</v>
      </c>
      <c r="C63" s="30" t="s">
        <v>1285</v>
      </c>
      <c r="D63" s="31"/>
      <c r="E63" s="32"/>
      <c r="F63" s="32"/>
      <c r="G63" s="33" t="s">
        <v>1286</v>
      </c>
      <c r="H63" s="31"/>
      <c r="I63" s="32" t="s">
        <v>1287</v>
      </c>
      <c r="J63" s="34"/>
      <c r="K63" s="35"/>
      <c r="L63" s="32"/>
      <c r="M63" s="32"/>
      <c r="N63" s="32">
        <v>50</v>
      </c>
      <c r="O63" s="32"/>
      <c r="P63" s="32">
        <v>500</v>
      </c>
      <c r="Q63" s="36"/>
      <c r="R63" s="37" t="s">
        <v>1288</v>
      </c>
    </row>
    <row r="64" spans="1:18" s="15" customFormat="1" ht="31.5" customHeight="1" x14ac:dyDescent="0.45">
      <c r="A64" s="29" t="s">
        <v>54</v>
      </c>
      <c r="B64" s="29" t="s">
        <v>734</v>
      </c>
      <c r="C64" s="30" t="s">
        <v>735</v>
      </c>
      <c r="D64" s="31"/>
      <c r="E64" s="32" t="s">
        <v>279</v>
      </c>
      <c r="F64" s="32"/>
      <c r="G64" s="33"/>
      <c r="H64" s="31"/>
      <c r="I64" s="32">
        <v>1700</v>
      </c>
      <c r="J64" s="34" t="s">
        <v>1170</v>
      </c>
      <c r="K64" s="35"/>
      <c r="L64" s="32"/>
      <c r="M64" s="32"/>
      <c r="N64" s="32"/>
      <c r="O64" s="32"/>
      <c r="P64" s="32"/>
      <c r="Q64" s="36"/>
      <c r="R64" s="37" t="s">
        <v>1581</v>
      </c>
    </row>
    <row r="65" spans="1:18" s="15" customFormat="1" ht="21" customHeight="1" x14ac:dyDescent="0.45">
      <c r="A65" s="29" t="s">
        <v>469</v>
      </c>
      <c r="B65" s="29" t="s">
        <v>765</v>
      </c>
      <c r="C65" s="30" t="s">
        <v>673</v>
      </c>
      <c r="D65" s="31"/>
      <c r="E65" s="32" t="s">
        <v>279</v>
      </c>
      <c r="F65" s="32"/>
      <c r="G65" s="33"/>
      <c r="H65" s="31"/>
      <c r="I65" s="32" t="s">
        <v>470</v>
      </c>
      <c r="J65" s="34"/>
      <c r="K65" s="35"/>
      <c r="L65" s="32"/>
      <c r="M65" s="32"/>
      <c r="N65" s="32"/>
      <c r="O65" s="32"/>
      <c r="P65" s="32"/>
      <c r="Q65" s="36"/>
      <c r="R65" s="37" t="s">
        <v>754</v>
      </c>
    </row>
    <row r="66" spans="1:18" s="15" customFormat="1" ht="14.25" customHeight="1" x14ac:dyDescent="0.45">
      <c r="A66" s="29" t="s">
        <v>471</v>
      </c>
      <c r="B66" s="29" t="s">
        <v>468</v>
      </c>
      <c r="C66" s="30" t="s">
        <v>400</v>
      </c>
      <c r="D66" s="31"/>
      <c r="E66" s="32" t="s">
        <v>279</v>
      </c>
      <c r="F66" s="32"/>
      <c r="G66" s="33"/>
      <c r="H66" s="31" t="s">
        <v>472</v>
      </c>
      <c r="I66" s="32" t="s">
        <v>470</v>
      </c>
      <c r="J66" s="34"/>
      <c r="K66" s="35">
        <v>4.5</v>
      </c>
      <c r="L66" s="32" t="s">
        <v>473</v>
      </c>
      <c r="M66" s="32"/>
      <c r="N66" s="32">
        <v>50</v>
      </c>
      <c r="O66" s="32"/>
      <c r="P66" s="32">
        <v>600</v>
      </c>
      <c r="Q66" s="41" t="s">
        <v>423</v>
      </c>
      <c r="R66" s="37" t="s">
        <v>665</v>
      </c>
    </row>
    <row r="67" spans="1:18" s="15" customFormat="1" ht="13.2" x14ac:dyDescent="0.45">
      <c r="A67" s="29" t="s">
        <v>985</v>
      </c>
      <c r="B67" s="29" t="s">
        <v>474</v>
      </c>
      <c r="C67" s="30" t="s">
        <v>574</v>
      </c>
      <c r="D67" s="31"/>
      <c r="E67" s="32" t="s">
        <v>279</v>
      </c>
      <c r="F67" s="32"/>
      <c r="G67" s="33"/>
      <c r="H67" s="31"/>
      <c r="I67" s="34" t="s">
        <v>566</v>
      </c>
      <c r="J67" s="34">
        <v>400</v>
      </c>
      <c r="K67" s="35">
        <v>3</v>
      </c>
      <c r="L67" s="32">
        <v>140</v>
      </c>
      <c r="M67" s="32">
        <v>240</v>
      </c>
      <c r="N67" s="32">
        <v>40</v>
      </c>
      <c r="O67" s="32"/>
      <c r="P67" s="32">
        <v>470</v>
      </c>
      <c r="Q67" s="36" t="s">
        <v>423</v>
      </c>
      <c r="R67" s="37" t="s">
        <v>845</v>
      </c>
    </row>
    <row r="68" spans="1:18" s="15" customFormat="1" ht="31.5" customHeight="1" x14ac:dyDescent="0.45">
      <c r="A68" s="29" t="s">
        <v>55</v>
      </c>
      <c r="B68" s="29" t="s">
        <v>1290</v>
      </c>
      <c r="C68" s="30" t="s">
        <v>1291</v>
      </c>
      <c r="D68" s="31"/>
      <c r="E68" s="32" t="s">
        <v>1292</v>
      </c>
      <c r="F68" s="32"/>
      <c r="G68" s="33"/>
      <c r="H68" s="31"/>
      <c r="I68" s="32">
        <v>1980</v>
      </c>
      <c r="J68" s="34" t="s">
        <v>1293</v>
      </c>
      <c r="K68" s="35"/>
      <c r="L68" s="32"/>
      <c r="M68" s="32"/>
      <c r="N68" s="32">
        <v>42</v>
      </c>
      <c r="O68" s="32">
        <v>1150</v>
      </c>
      <c r="P68" s="32"/>
      <c r="Q68" s="36"/>
      <c r="R68" s="37" t="s">
        <v>1445</v>
      </c>
    </row>
    <row r="69" spans="1:18" s="15" customFormat="1" ht="21" customHeight="1" x14ac:dyDescent="0.45">
      <c r="A69" s="29" t="s">
        <v>57</v>
      </c>
      <c r="B69" s="29" t="s">
        <v>401</v>
      </c>
      <c r="C69" s="30" t="s">
        <v>567</v>
      </c>
      <c r="D69" s="31"/>
      <c r="E69" s="32" t="s">
        <v>279</v>
      </c>
      <c r="F69" s="32"/>
      <c r="G69" s="33"/>
      <c r="H69" s="31"/>
      <c r="I69" s="32" t="s">
        <v>406</v>
      </c>
      <c r="J69" s="34"/>
      <c r="K69" s="35"/>
      <c r="L69" s="32"/>
      <c r="M69" s="32"/>
      <c r="N69" s="32"/>
      <c r="O69" s="32"/>
      <c r="P69" s="32">
        <v>500</v>
      </c>
      <c r="Q69" s="36"/>
      <c r="R69" s="37" t="s">
        <v>731</v>
      </c>
    </row>
    <row r="70" spans="1:18" s="15" customFormat="1" ht="14.25" customHeight="1" x14ac:dyDescent="0.45">
      <c r="A70" s="29" t="s">
        <v>56</v>
      </c>
      <c r="B70" s="29" t="s">
        <v>969</v>
      </c>
      <c r="C70" s="30" t="s">
        <v>970</v>
      </c>
      <c r="D70" s="31"/>
      <c r="E70" s="32"/>
      <c r="F70" s="32"/>
      <c r="G70" s="33" t="s">
        <v>971</v>
      </c>
      <c r="H70" s="31"/>
      <c r="I70" s="32"/>
      <c r="J70" s="34"/>
      <c r="K70" s="35"/>
      <c r="L70" s="32"/>
      <c r="M70" s="32"/>
      <c r="N70" s="32"/>
      <c r="O70" s="32"/>
      <c r="P70" s="32"/>
      <c r="Q70" s="36"/>
      <c r="R70" s="37" t="s">
        <v>972</v>
      </c>
    </row>
    <row r="71" spans="1:18" s="15" customFormat="1" ht="13.2" x14ac:dyDescent="0.45">
      <c r="A71" s="29" t="s">
        <v>58</v>
      </c>
      <c r="B71" s="29" t="s">
        <v>540</v>
      </c>
      <c r="C71" s="30" t="s">
        <v>639</v>
      </c>
      <c r="D71" s="31"/>
      <c r="E71" s="32" t="s">
        <v>279</v>
      </c>
      <c r="F71" s="32"/>
      <c r="G71" s="33"/>
      <c r="H71" s="31" t="s">
        <v>1098</v>
      </c>
      <c r="I71" s="32" t="s">
        <v>1098</v>
      </c>
      <c r="J71" s="32" t="s">
        <v>1098</v>
      </c>
      <c r="K71" s="32" t="s">
        <v>1098</v>
      </c>
      <c r="L71" s="32" t="s">
        <v>1098</v>
      </c>
      <c r="M71" s="32" t="s">
        <v>1098</v>
      </c>
      <c r="N71" s="32" t="s">
        <v>1098</v>
      </c>
      <c r="O71" s="32" t="s">
        <v>1098</v>
      </c>
      <c r="P71" s="32"/>
      <c r="Q71" s="36"/>
      <c r="R71" s="37" t="s">
        <v>1469</v>
      </c>
    </row>
    <row r="72" spans="1:18" s="15" customFormat="1" ht="28.8" x14ac:dyDescent="0.45">
      <c r="A72" s="29" t="s">
        <v>61</v>
      </c>
      <c r="B72" s="29" t="s">
        <v>496</v>
      </c>
      <c r="C72" s="30" t="s">
        <v>955</v>
      </c>
      <c r="D72" s="31"/>
      <c r="E72" s="32" t="s">
        <v>956</v>
      </c>
      <c r="F72" s="32"/>
      <c r="G72" s="33"/>
      <c r="H72" s="31"/>
      <c r="I72" s="32">
        <v>1728</v>
      </c>
      <c r="J72" s="34" t="s">
        <v>987</v>
      </c>
      <c r="K72" s="35"/>
      <c r="L72" s="32"/>
      <c r="M72" s="32"/>
      <c r="N72" s="32"/>
      <c r="O72" s="32"/>
      <c r="P72" s="32"/>
      <c r="Q72" s="36"/>
      <c r="R72" s="37" t="s">
        <v>1582</v>
      </c>
    </row>
    <row r="73" spans="1:18" s="15" customFormat="1" ht="13.2" x14ac:dyDescent="0.45">
      <c r="A73" s="29" t="s">
        <v>476</v>
      </c>
      <c r="B73" s="29" t="s">
        <v>539</v>
      </c>
      <c r="C73" s="30" t="s">
        <v>310</v>
      </c>
      <c r="D73" s="31"/>
      <c r="E73" s="32" t="s">
        <v>279</v>
      </c>
      <c r="F73" s="32"/>
      <c r="G73" s="33"/>
      <c r="H73" s="31"/>
      <c r="I73" s="32" t="s">
        <v>477</v>
      </c>
      <c r="J73" s="34">
        <v>1180</v>
      </c>
      <c r="K73" s="35"/>
      <c r="L73" s="32"/>
      <c r="M73" s="32"/>
      <c r="N73" s="32">
        <v>72</v>
      </c>
      <c r="O73" s="32"/>
      <c r="P73" s="32">
        <v>785</v>
      </c>
      <c r="Q73" s="36"/>
      <c r="R73" s="37" t="s">
        <v>445</v>
      </c>
    </row>
    <row r="74" spans="1:18" s="15" customFormat="1" ht="38.4" x14ac:dyDescent="0.45">
      <c r="A74" s="29" t="s">
        <v>478</v>
      </c>
      <c r="B74" s="29" t="s">
        <v>526</v>
      </c>
      <c r="C74" s="30" t="s">
        <v>1099</v>
      </c>
      <c r="D74" s="31"/>
      <c r="E74" s="32" t="s">
        <v>279</v>
      </c>
      <c r="F74" s="32"/>
      <c r="G74" s="33"/>
      <c r="H74" s="31"/>
      <c r="I74" s="34">
        <v>1728</v>
      </c>
      <c r="J74" s="34" t="s">
        <v>1150</v>
      </c>
      <c r="K74" s="35"/>
      <c r="L74" s="32"/>
      <c r="M74" s="32"/>
      <c r="N74" s="32"/>
      <c r="O74" s="32">
        <v>625</v>
      </c>
      <c r="P74" s="32">
        <v>400</v>
      </c>
      <c r="Q74" s="36"/>
      <c r="R74" s="37" t="s">
        <v>1493</v>
      </c>
    </row>
    <row r="75" spans="1:18" s="15" customFormat="1" ht="38.4" x14ac:dyDescent="0.45">
      <c r="A75" s="29" t="s">
        <v>60</v>
      </c>
      <c r="B75" s="29" t="s">
        <v>1100</v>
      </c>
      <c r="C75" s="30" t="s">
        <v>1174</v>
      </c>
      <c r="D75" s="31"/>
      <c r="E75" s="32" t="s">
        <v>279</v>
      </c>
      <c r="F75" s="32"/>
      <c r="G75" s="33"/>
      <c r="H75" s="31"/>
      <c r="I75" s="32" t="s">
        <v>470</v>
      </c>
      <c r="J75" s="34" t="s">
        <v>1112</v>
      </c>
      <c r="K75" s="35"/>
      <c r="L75" s="32">
        <v>225</v>
      </c>
      <c r="M75" s="32">
        <v>420</v>
      </c>
      <c r="N75" s="32"/>
      <c r="O75" s="32"/>
      <c r="P75" s="32"/>
      <c r="Q75" s="36"/>
      <c r="R75" s="37" t="s">
        <v>1583</v>
      </c>
    </row>
    <row r="76" spans="1:18" s="18" customFormat="1" ht="19.2" x14ac:dyDescent="0.45">
      <c r="A76" s="29" t="s">
        <v>1448</v>
      </c>
      <c r="B76" s="29" t="s">
        <v>303</v>
      </c>
      <c r="C76" s="30" t="s">
        <v>1444</v>
      </c>
      <c r="D76" s="31"/>
      <c r="E76" s="32" t="s">
        <v>279</v>
      </c>
      <c r="F76" s="32"/>
      <c r="G76" s="33"/>
      <c r="H76" s="31"/>
      <c r="I76" s="32">
        <v>1700</v>
      </c>
      <c r="J76" s="34">
        <v>680</v>
      </c>
      <c r="K76" s="35"/>
      <c r="L76" s="32"/>
      <c r="M76" s="32"/>
      <c r="N76" s="32">
        <v>43</v>
      </c>
      <c r="O76" s="32"/>
      <c r="P76" s="32">
        <v>470</v>
      </c>
      <c r="Q76" s="36"/>
      <c r="R76" s="37" t="s">
        <v>1498</v>
      </c>
    </row>
    <row r="77" spans="1:18" s="15" customFormat="1" ht="42" customHeight="1" x14ac:dyDescent="0.45">
      <c r="A77" s="29" t="s">
        <v>62</v>
      </c>
      <c r="B77" s="29" t="s">
        <v>457</v>
      </c>
      <c r="C77" s="30" t="s">
        <v>927</v>
      </c>
      <c r="D77" s="31"/>
      <c r="E77" s="32" t="s">
        <v>279</v>
      </c>
      <c r="F77" s="32"/>
      <c r="G77" s="33"/>
      <c r="H77" s="31"/>
      <c r="I77" s="32">
        <v>1980</v>
      </c>
      <c r="J77" s="34" t="s">
        <v>1013</v>
      </c>
      <c r="K77" s="35"/>
      <c r="L77" s="32">
        <v>225</v>
      </c>
      <c r="M77" s="32"/>
      <c r="N77" s="32"/>
      <c r="O77" s="32">
        <v>1150</v>
      </c>
      <c r="P77" s="32">
        <v>550</v>
      </c>
      <c r="Q77" s="36"/>
      <c r="R77" s="37" t="s">
        <v>928</v>
      </c>
    </row>
    <row r="78" spans="1:18" s="15" customFormat="1" ht="19.2" x14ac:dyDescent="0.45">
      <c r="A78" s="29" t="s">
        <v>59</v>
      </c>
      <c r="B78" s="29" t="s">
        <v>952</v>
      </c>
      <c r="C78" s="30" t="s">
        <v>953</v>
      </c>
      <c r="D78" s="31"/>
      <c r="E78" s="32"/>
      <c r="F78" s="32"/>
      <c r="G78" s="33" t="s">
        <v>942</v>
      </c>
      <c r="H78" s="31"/>
      <c r="I78" s="32"/>
      <c r="J78" s="34"/>
      <c r="K78" s="35"/>
      <c r="L78" s="32"/>
      <c r="M78" s="32"/>
      <c r="N78" s="32"/>
      <c r="O78" s="32"/>
      <c r="P78" s="32"/>
      <c r="Q78" s="36"/>
      <c r="R78" s="37" t="s">
        <v>954</v>
      </c>
    </row>
    <row r="79" spans="1:18" s="15" customFormat="1" ht="19.2" x14ac:dyDescent="0.45">
      <c r="A79" s="29" t="s">
        <v>59</v>
      </c>
      <c r="B79" s="29" t="s">
        <v>298</v>
      </c>
      <c r="C79" s="30" t="s">
        <v>461</v>
      </c>
      <c r="D79" s="31"/>
      <c r="E79" s="32" t="s">
        <v>279</v>
      </c>
      <c r="F79" s="32"/>
      <c r="G79" s="33"/>
      <c r="H79" s="39" t="s">
        <v>1102</v>
      </c>
      <c r="I79" s="32">
        <v>1980</v>
      </c>
      <c r="J79" s="34" t="s">
        <v>1007</v>
      </c>
      <c r="K79" s="35">
        <v>4</v>
      </c>
      <c r="L79" s="32">
        <v>225</v>
      </c>
      <c r="M79" s="32">
        <v>420</v>
      </c>
      <c r="N79" s="32">
        <v>42</v>
      </c>
      <c r="O79" s="32">
        <v>740</v>
      </c>
      <c r="P79" s="32"/>
      <c r="Q79" s="36"/>
      <c r="R79" s="37" t="s">
        <v>1101</v>
      </c>
    </row>
    <row r="80" spans="1:18" s="15" customFormat="1" ht="21" customHeight="1" x14ac:dyDescent="0.45">
      <c r="A80" s="29" t="s">
        <v>480</v>
      </c>
      <c r="B80" s="29" t="s">
        <v>479</v>
      </c>
      <c r="C80" s="30" t="s">
        <v>1584</v>
      </c>
      <c r="D80" s="31"/>
      <c r="E80" s="32" t="s">
        <v>279</v>
      </c>
      <c r="F80" s="32"/>
      <c r="G80" s="33"/>
      <c r="H80" s="31"/>
      <c r="I80" s="32" t="s">
        <v>466</v>
      </c>
      <c r="J80" s="34">
        <v>680</v>
      </c>
      <c r="K80" s="35"/>
      <c r="L80" s="32">
        <v>150</v>
      </c>
      <c r="M80" s="32"/>
      <c r="N80" s="32"/>
      <c r="O80" s="32">
        <v>385</v>
      </c>
      <c r="P80" s="32"/>
      <c r="Q80" s="36"/>
      <c r="R80" s="37" t="s">
        <v>740</v>
      </c>
    </row>
    <row r="81" spans="1:18" s="15" customFormat="1" ht="23.25" customHeight="1" x14ac:dyDescent="0.45">
      <c r="A81" s="29" t="s">
        <v>71</v>
      </c>
      <c r="B81" s="29" t="s">
        <v>350</v>
      </c>
      <c r="C81" s="30" t="s">
        <v>400</v>
      </c>
      <c r="D81" s="31"/>
      <c r="E81" s="32" t="s">
        <v>279</v>
      </c>
      <c r="F81" s="32"/>
      <c r="G81" s="33"/>
      <c r="H81" s="31">
        <v>160</v>
      </c>
      <c r="I81" s="32">
        <v>2300</v>
      </c>
      <c r="J81" s="34" t="s">
        <v>1083</v>
      </c>
      <c r="K81" s="35">
        <v>5.5</v>
      </c>
      <c r="L81" s="32">
        <v>309</v>
      </c>
      <c r="M81" s="32">
        <v>600</v>
      </c>
      <c r="N81" s="32">
        <v>72</v>
      </c>
      <c r="O81" s="32">
        <v>1560</v>
      </c>
      <c r="P81" s="32"/>
      <c r="Q81" s="36"/>
      <c r="R81" s="37" t="s">
        <v>1494</v>
      </c>
    </row>
    <row r="82" spans="1:18" s="15" customFormat="1" ht="21" customHeight="1" x14ac:dyDescent="0.45">
      <c r="A82" s="29" t="s">
        <v>64</v>
      </c>
      <c r="B82" s="29" t="s">
        <v>575</v>
      </c>
      <c r="C82" s="30" t="s">
        <v>882</v>
      </c>
      <c r="D82" s="31"/>
      <c r="E82" s="32" t="s">
        <v>279</v>
      </c>
      <c r="F82" s="32"/>
      <c r="G82" s="33"/>
      <c r="H82" s="31"/>
      <c r="I82" s="32" t="s">
        <v>576</v>
      </c>
      <c r="J82" s="32" t="s">
        <v>576</v>
      </c>
      <c r="K82" s="35"/>
      <c r="L82" s="32" t="s">
        <v>576</v>
      </c>
      <c r="M82" s="32" t="s">
        <v>576</v>
      </c>
      <c r="N82" s="32"/>
      <c r="O82" s="32"/>
      <c r="P82" s="32"/>
      <c r="Q82" s="36"/>
      <c r="R82" s="37" t="s">
        <v>811</v>
      </c>
    </row>
    <row r="83" spans="1:18" s="15" customFormat="1" ht="19.2" x14ac:dyDescent="0.45">
      <c r="A83" s="29" t="s">
        <v>69</v>
      </c>
      <c r="B83" s="29" t="s">
        <v>303</v>
      </c>
      <c r="C83" s="30" t="s">
        <v>1399</v>
      </c>
      <c r="D83" s="31"/>
      <c r="E83" s="32" t="s">
        <v>15</v>
      </c>
      <c r="F83" s="32"/>
      <c r="G83" s="33"/>
      <c r="H83" s="31"/>
      <c r="I83" s="32">
        <v>1700</v>
      </c>
      <c r="J83" s="34" t="s">
        <v>1155</v>
      </c>
      <c r="K83" s="35"/>
      <c r="L83" s="32">
        <v>135</v>
      </c>
      <c r="M83" s="32">
        <v>235</v>
      </c>
      <c r="N83" s="32"/>
      <c r="O83" s="32"/>
      <c r="P83" s="32"/>
      <c r="Q83" s="36"/>
      <c r="R83" s="37" t="s">
        <v>1585</v>
      </c>
    </row>
    <row r="84" spans="1:18" s="15" customFormat="1" ht="28.8" x14ac:dyDescent="0.45">
      <c r="A84" s="29" t="s">
        <v>481</v>
      </c>
      <c r="B84" s="29" t="s">
        <v>479</v>
      </c>
      <c r="C84" s="30" t="s">
        <v>1586</v>
      </c>
      <c r="D84" s="31"/>
      <c r="E84" s="32" t="s">
        <v>279</v>
      </c>
      <c r="F84" s="32"/>
      <c r="G84" s="33"/>
      <c r="H84" s="31">
        <v>120</v>
      </c>
      <c r="I84" s="32">
        <v>1700</v>
      </c>
      <c r="J84" s="34" t="s">
        <v>1133</v>
      </c>
      <c r="K84" s="35">
        <v>4</v>
      </c>
      <c r="L84" s="32">
        <v>135</v>
      </c>
      <c r="M84" s="32">
        <v>235</v>
      </c>
      <c r="N84" s="32">
        <v>42</v>
      </c>
      <c r="O84" s="32">
        <v>385</v>
      </c>
      <c r="P84" s="32"/>
      <c r="Q84" s="36"/>
      <c r="R84" s="37" t="s">
        <v>1587</v>
      </c>
    </row>
    <row r="85" spans="1:18" s="15" customFormat="1" ht="13.2" x14ac:dyDescent="0.45">
      <c r="A85" s="29" t="s">
        <v>482</v>
      </c>
      <c r="B85" s="29" t="s">
        <v>1066</v>
      </c>
      <c r="C85" s="30" t="s">
        <v>310</v>
      </c>
      <c r="D85" s="31"/>
      <c r="E85" s="32"/>
      <c r="F85" s="32"/>
      <c r="G85" s="33" t="s">
        <v>1067</v>
      </c>
      <c r="H85" s="31"/>
      <c r="I85" s="32" t="s">
        <v>1068</v>
      </c>
      <c r="J85" s="34"/>
      <c r="K85" s="35"/>
      <c r="L85" s="32"/>
      <c r="M85" s="32"/>
      <c r="N85" s="32"/>
      <c r="O85" s="32"/>
      <c r="P85" s="32"/>
      <c r="Q85" s="36"/>
      <c r="R85" s="37" t="s">
        <v>1069</v>
      </c>
    </row>
    <row r="86" spans="1:18" s="15" customFormat="1" ht="31.5" customHeight="1" x14ac:dyDescent="0.45">
      <c r="A86" s="29" t="s">
        <v>66</v>
      </c>
      <c r="B86" s="29" t="s">
        <v>1164</v>
      </c>
      <c r="C86" s="30" t="s">
        <v>1230</v>
      </c>
      <c r="D86" s="31" t="s">
        <v>284</v>
      </c>
      <c r="E86" s="32"/>
      <c r="F86" s="32"/>
      <c r="G86" s="33"/>
      <c r="H86" s="31">
        <v>140</v>
      </c>
      <c r="I86" s="32">
        <v>1980</v>
      </c>
      <c r="J86" s="34" t="s">
        <v>1013</v>
      </c>
      <c r="K86" s="35">
        <v>4</v>
      </c>
      <c r="L86" s="32">
        <v>220</v>
      </c>
      <c r="M86" s="32">
        <v>325</v>
      </c>
      <c r="N86" s="32">
        <v>42</v>
      </c>
      <c r="O86" s="32">
        <v>790</v>
      </c>
      <c r="P86" s="32"/>
      <c r="Q86" s="36"/>
      <c r="R86" s="37" t="s">
        <v>640</v>
      </c>
    </row>
    <row r="87" spans="1:18" s="15" customFormat="1" ht="31.5" customHeight="1" x14ac:dyDescent="0.45">
      <c r="A87" s="29" t="s">
        <v>66</v>
      </c>
      <c r="B87" s="29" t="s">
        <v>562</v>
      </c>
      <c r="C87" s="30" t="s">
        <v>1230</v>
      </c>
      <c r="D87" s="31" t="s">
        <v>284</v>
      </c>
      <c r="E87" s="32"/>
      <c r="F87" s="32"/>
      <c r="G87" s="33"/>
      <c r="H87" s="31">
        <v>147</v>
      </c>
      <c r="I87" s="32">
        <v>2100</v>
      </c>
      <c r="J87" s="34" t="s">
        <v>1163</v>
      </c>
      <c r="K87" s="35">
        <v>4.5</v>
      </c>
      <c r="L87" s="32">
        <v>255</v>
      </c>
      <c r="M87" s="32">
        <v>400</v>
      </c>
      <c r="N87" s="32">
        <v>53</v>
      </c>
      <c r="O87" s="32">
        <v>900</v>
      </c>
      <c r="P87" s="32"/>
      <c r="Q87" s="36"/>
      <c r="R87" s="37" t="s">
        <v>640</v>
      </c>
    </row>
    <row r="88" spans="1:18" s="15" customFormat="1" ht="31.5" customHeight="1" x14ac:dyDescent="0.45">
      <c r="A88" s="29" t="s">
        <v>66</v>
      </c>
      <c r="B88" s="29" t="s">
        <v>300</v>
      </c>
      <c r="C88" s="30" t="s">
        <v>1230</v>
      </c>
      <c r="D88" s="31" t="s">
        <v>284</v>
      </c>
      <c r="E88" s="32"/>
      <c r="F88" s="32"/>
      <c r="G88" s="33"/>
      <c r="H88" s="31">
        <v>141</v>
      </c>
      <c r="I88" s="32">
        <v>2060</v>
      </c>
      <c r="J88" s="34" t="s">
        <v>1165</v>
      </c>
      <c r="K88" s="35">
        <v>4.5</v>
      </c>
      <c r="L88" s="32">
        <v>250</v>
      </c>
      <c r="M88" s="32">
        <v>470</v>
      </c>
      <c r="N88" s="32">
        <v>53</v>
      </c>
      <c r="O88" s="32">
        <v>900</v>
      </c>
      <c r="P88" s="32"/>
      <c r="Q88" s="36"/>
      <c r="R88" s="37" t="s">
        <v>640</v>
      </c>
    </row>
    <row r="89" spans="1:18" s="15" customFormat="1" ht="31.5" customHeight="1" x14ac:dyDescent="0.45">
      <c r="A89" s="29" t="s">
        <v>66</v>
      </c>
      <c r="B89" s="29" t="s">
        <v>565</v>
      </c>
      <c r="C89" s="30" t="s">
        <v>1230</v>
      </c>
      <c r="D89" s="31" t="s">
        <v>284</v>
      </c>
      <c r="E89" s="32"/>
      <c r="F89" s="32"/>
      <c r="G89" s="33"/>
      <c r="H89" s="31">
        <v>140</v>
      </c>
      <c r="I89" s="32">
        <v>1980</v>
      </c>
      <c r="J89" s="34" t="s">
        <v>641</v>
      </c>
      <c r="K89" s="35">
        <v>4</v>
      </c>
      <c r="L89" s="32">
        <v>205</v>
      </c>
      <c r="M89" s="32">
        <v>300</v>
      </c>
      <c r="N89" s="32">
        <v>42</v>
      </c>
      <c r="O89" s="32">
        <v>720</v>
      </c>
      <c r="P89" s="32"/>
      <c r="Q89" s="36"/>
      <c r="R89" s="37" t="s">
        <v>640</v>
      </c>
    </row>
    <row r="90" spans="1:18" s="15" customFormat="1" ht="31.5" customHeight="1" x14ac:dyDescent="0.45">
      <c r="A90" s="29" t="s">
        <v>66</v>
      </c>
      <c r="B90" s="29" t="s">
        <v>563</v>
      </c>
      <c r="C90" s="30" t="s">
        <v>1230</v>
      </c>
      <c r="D90" s="31" t="s">
        <v>284</v>
      </c>
      <c r="E90" s="32"/>
      <c r="F90" s="32"/>
      <c r="G90" s="33"/>
      <c r="H90" s="31">
        <v>142</v>
      </c>
      <c r="I90" s="32">
        <v>1980</v>
      </c>
      <c r="J90" s="34" t="s">
        <v>376</v>
      </c>
      <c r="K90" s="35">
        <v>4</v>
      </c>
      <c r="L90" s="32">
        <v>205</v>
      </c>
      <c r="M90" s="32">
        <v>300</v>
      </c>
      <c r="N90" s="32">
        <v>52</v>
      </c>
      <c r="O90" s="32">
        <v>720</v>
      </c>
      <c r="P90" s="32"/>
      <c r="Q90" s="36"/>
      <c r="R90" s="37" t="s">
        <v>640</v>
      </c>
    </row>
    <row r="91" spans="1:18" s="15" customFormat="1" ht="31.5" customHeight="1" x14ac:dyDescent="0.45">
      <c r="A91" s="29" t="s">
        <v>66</v>
      </c>
      <c r="B91" s="29" t="s">
        <v>564</v>
      </c>
      <c r="C91" s="30" t="s">
        <v>1230</v>
      </c>
      <c r="D91" s="31" t="s">
        <v>284</v>
      </c>
      <c r="E91" s="32"/>
      <c r="F91" s="32"/>
      <c r="G91" s="33"/>
      <c r="H91" s="31">
        <v>147</v>
      </c>
      <c r="I91" s="32">
        <v>2000</v>
      </c>
      <c r="J91" s="34" t="s">
        <v>592</v>
      </c>
      <c r="K91" s="35">
        <v>4.5</v>
      </c>
      <c r="L91" s="32">
        <v>230</v>
      </c>
      <c r="M91" s="32">
        <v>345</v>
      </c>
      <c r="N91" s="32">
        <v>57</v>
      </c>
      <c r="O91" s="32">
        <v>790</v>
      </c>
      <c r="P91" s="32"/>
      <c r="Q91" s="36"/>
      <c r="R91" s="37" t="s">
        <v>640</v>
      </c>
    </row>
    <row r="92" spans="1:18" s="18" customFormat="1" ht="31.5" customHeight="1" x14ac:dyDescent="0.45">
      <c r="A92" s="29" t="s">
        <v>67</v>
      </c>
      <c r="B92" s="29" t="s">
        <v>398</v>
      </c>
      <c r="C92" s="30" t="s">
        <v>924</v>
      </c>
      <c r="D92" s="31" t="s">
        <v>284</v>
      </c>
      <c r="E92" s="32"/>
      <c r="F92" s="32"/>
      <c r="G92" s="33"/>
      <c r="H92" s="39" t="s">
        <v>679</v>
      </c>
      <c r="I92" s="32">
        <v>1700</v>
      </c>
      <c r="J92" s="34" t="s">
        <v>1123</v>
      </c>
      <c r="K92" s="35">
        <v>4</v>
      </c>
      <c r="L92" s="32">
        <v>135</v>
      </c>
      <c r="M92" s="32">
        <v>235</v>
      </c>
      <c r="N92" s="32">
        <v>42</v>
      </c>
      <c r="O92" s="32">
        <v>625</v>
      </c>
      <c r="P92" s="32"/>
      <c r="Q92" s="36"/>
      <c r="R92" s="37" t="s">
        <v>1588</v>
      </c>
    </row>
    <row r="93" spans="1:18" s="15" customFormat="1" ht="28.8" x14ac:dyDescent="0.45">
      <c r="A93" s="42" t="s">
        <v>68</v>
      </c>
      <c r="B93" s="42" t="s">
        <v>1459</v>
      </c>
      <c r="C93" s="43" t="s">
        <v>1457</v>
      </c>
      <c r="D93" s="44"/>
      <c r="E93" s="32" t="s">
        <v>279</v>
      </c>
      <c r="F93" s="45"/>
      <c r="G93" s="46"/>
      <c r="H93" s="44"/>
      <c r="I93" s="48" t="s">
        <v>1458</v>
      </c>
      <c r="J93" s="48" t="s">
        <v>1013</v>
      </c>
      <c r="K93" s="49"/>
      <c r="L93" s="45"/>
      <c r="M93" s="45"/>
      <c r="N93" s="45"/>
      <c r="O93" s="45"/>
      <c r="P93" s="45"/>
      <c r="Q93" s="52"/>
      <c r="R93" s="51" t="s">
        <v>1101</v>
      </c>
    </row>
    <row r="94" spans="1:18" s="15" customFormat="1" ht="21" customHeight="1" x14ac:dyDescent="0.45">
      <c r="A94" s="42" t="s">
        <v>68</v>
      </c>
      <c r="B94" s="42" t="s">
        <v>573</v>
      </c>
      <c r="C94" s="43" t="s">
        <v>725</v>
      </c>
      <c r="D94" s="44" t="s">
        <v>284</v>
      </c>
      <c r="E94" s="45"/>
      <c r="F94" s="45"/>
      <c r="G94" s="46"/>
      <c r="H94" s="44">
        <v>140</v>
      </c>
      <c r="I94" s="48" t="s">
        <v>657</v>
      </c>
      <c r="J94" s="48" t="s">
        <v>1007</v>
      </c>
      <c r="K94" s="49">
        <v>4</v>
      </c>
      <c r="L94" s="45">
        <v>225</v>
      </c>
      <c r="M94" s="45">
        <v>420</v>
      </c>
      <c r="N94" s="45">
        <v>42</v>
      </c>
      <c r="O94" s="45">
        <v>1150</v>
      </c>
      <c r="P94" s="45"/>
      <c r="Q94" s="52"/>
      <c r="R94" s="51"/>
    </row>
    <row r="95" spans="1:18" s="18" customFormat="1" ht="21" customHeight="1" x14ac:dyDescent="0.45">
      <c r="A95" s="29" t="s">
        <v>70</v>
      </c>
      <c r="B95" s="29" t="s">
        <v>398</v>
      </c>
      <c r="C95" s="30" t="s">
        <v>310</v>
      </c>
      <c r="D95" s="31"/>
      <c r="E95" s="32" t="s">
        <v>279</v>
      </c>
      <c r="F95" s="32"/>
      <c r="G95" s="33"/>
      <c r="H95" s="31"/>
      <c r="I95" s="32"/>
      <c r="J95" s="34"/>
      <c r="K95" s="35"/>
      <c r="L95" s="32"/>
      <c r="M95" s="32"/>
      <c r="N95" s="32"/>
      <c r="O95" s="32"/>
      <c r="P95" s="32"/>
      <c r="Q95" s="36"/>
      <c r="R95" s="37" t="s">
        <v>818</v>
      </c>
    </row>
    <row r="96" spans="1:18" s="15" customFormat="1" ht="13.2" x14ac:dyDescent="0.45">
      <c r="A96" s="42" t="s">
        <v>72</v>
      </c>
      <c r="B96" s="42" t="s">
        <v>861</v>
      </c>
      <c r="C96" s="43" t="s">
        <v>1186</v>
      </c>
      <c r="D96" s="44"/>
      <c r="E96" s="45" t="s">
        <v>430</v>
      </c>
      <c r="F96" s="45"/>
      <c r="G96" s="46"/>
      <c r="H96" s="44"/>
      <c r="I96" s="45">
        <v>1600</v>
      </c>
      <c r="J96" s="48">
        <v>600</v>
      </c>
      <c r="K96" s="49"/>
      <c r="L96" s="45"/>
      <c r="M96" s="45"/>
      <c r="N96" s="45"/>
      <c r="O96" s="45"/>
      <c r="P96" s="45"/>
      <c r="Q96" s="52"/>
      <c r="R96" s="51" t="s">
        <v>1539</v>
      </c>
    </row>
    <row r="97" spans="1:18" s="15" customFormat="1" ht="13.2" x14ac:dyDescent="0.45">
      <c r="A97" s="29" t="s">
        <v>615</v>
      </c>
      <c r="B97" s="29" t="s">
        <v>303</v>
      </c>
      <c r="C97" s="30" t="s">
        <v>574</v>
      </c>
      <c r="D97" s="31"/>
      <c r="E97" s="32" t="s">
        <v>279</v>
      </c>
      <c r="F97" s="32"/>
      <c r="G97" s="33"/>
      <c r="H97" s="31"/>
      <c r="I97" s="32" t="s">
        <v>616</v>
      </c>
      <c r="J97" s="34"/>
      <c r="K97" s="35"/>
      <c r="L97" s="32"/>
      <c r="M97" s="32"/>
      <c r="N97" s="32"/>
      <c r="O97" s="32"/>
      <c r="P97" s="32"/>
      <c r="Q97" s="36"/>
      <c r="R97" s="37" t="s">
        <v>1589</v>
      </c>
    </row>
    <row r="98" spans="1:18" s="18" customFormat="1" ht="42" customHeight="1" x14ac:dyDescent="0.45">
      <c r="A98" s="29" t="s">
        <v>73</v>
      </c>
      <c r="B98" s="29" t="s">
        <v>303</v>
      </c>
      <c r="C98" s="30" t="s">
        <v>310</v>
      </c>
      <c r="D98" s="31"/>
      <c r="E98" s="32" t="s">
        <v>279</v>
      </c>
      <c r="F98" s="32"/>
      <c r="G98" s="33"/>
      <c r="H98" s="31">
        <v>120</v>
      </c>
      <c r="I98" s="32" t="s">
        <v>626</v>
      </c>
      <c r="J98" s="34" t="s">
        <v>987</v>
      </c>
      <c r="K98" s="35">
        <v>4</v>
      </c>
      <c r="L98" s="32">
        <v>135</v>
      </c>
      <c r="M98" s="32">
        <v>235</v>
      </c>
      <c r="N98" s="32">
        <v>42</v>
      </c>
      <c r="O98" s="32">
        <v>625</v>
      </c>
      <c r="P98" s="32"/>
      <c r="Q98" s="36" t="s">
        <v>1342</v>
      </c>
      <c r="R98" s="37" t="s">
        <v>1590</v>
      </c>
    </row>
    <row r="99" spans="1:18" s="18" customFormat="1" ht="31.5" customHeight="1" x14ac:dyDescent="0.45">
      <c r="A99" s="29" t="s">
        <v>73</v>
      </c>
      <c r="B99" s="29" t="s">
        <v>303</v>
      </c>
      <c r="C99" s="30" t="s">
        <v>326</v>
      </c>
      <c r="D99" s="31"/>
      <c r="E99" s="32" t="s">
        <v>279</v>
      </c>
      <c r="F99" s="32"/>
      <c r="G99" s="33"/>
      <c r="H99" s="31">
        <v>120</v>
      </c>
      <c r="I99" s="32" t="s">
        <v>626</v>
      </c>
      <c r="J99" s="34" t="s">
        <v>987</v>
      </c>
      <c r="K99" s="35">
        <v>4</v>
      </c>
      <c r="L99" s="32">
        <v>135</v>
      </c>
      <c r="M99" s="32">
        <v>235</v>
      </c>
      <c r="N99" s="32">
        <v>42</v>
      </c>
      <c r="O99" s="32">
        <v>625</v>
      </c>
      <c r="P99" s="32"/>
      <c r="Q99" s="36" t="s">
        <v>311</v>
      </c>
      <c r="R99" s="37" t="s">
        <v>1591</v>
      </c>
    </row>
    <row r="100" spans="1:18" s="15" customFormat="1" ht="14.25" customHeight="1" x14ac:dyDescent="0.45">
      <c r="A100" s="29" t="s">
        <v>617</v>
      </c>
      <c r="B100" s="29" t="s">
        <v>618</v>
      </c>
      <c r="C100" s="30" t="s">
        <v>400</v>
      </c>
      <c r="D100" s="31"/>
      <c r="E100" s="32" t="s">
        <v>279</v>
      </c>
      <c r="F100" s="32"/>
      <c r="G100" s="33"/>
      <c r="H100" s="31"/>
      <c r="I100" s="32" t="s">
        <v>619</v>
      </c>
      <c r="J100" s="34"/>
      <c r="K100" s="35"/>
      <c r="L100" s="32"/>
      <c r="M100" s="32"/>
      <c r="N100" s="32">
        <v>40</v>
      </c>
      <c r="O100" s="32"/>
      <c r="P100" s="32">
        <v>450</v>
      </c>
      <c r="Q100" s="36"/>
      <c r="R100" s="37" t="s">
        <v>1540</v>
      </c>
    </row>
    <row r="101" spans="1:18" s="15" customFormat="1" ht="31.5" customHeight="1" x14ac:dyDescent="0.45">
      <c r="A101" s="29" t="s">
        <v>620</v>
      </c>
      <c r="B101" s="29" t="s">
        <v>621</v>
      </c>
      <c r="C101" s="30" t="s">
        <v>989</v>
      </c>
      <c r="D101" s="31"/>
      <c r="E101" s="32" t="s">
        <v>279</v>
      </c>
      <c r="F101" s="32"/>
      <c r="G101" s="33"/>
      <c r="H101" s="31" t="s">
        <v>1414</v>
      </c>
      <c r="I101" s="32" t="s">
        <v>622</v>
      </c>
      <c r="J101" s="34">
        <v>1050</v>
      </c>
      <c r="K101" s="35">
        <v>4</v>
      </c>
      <c r="L101" s="32">
        <v>240</v>
      </c>
      <c r="M101" s="32">
        <v>450</v>
      </c>
      <c r="N101" s="32">
        <v>50</v>
      </c>
      <c r="O101" s="32"/>
      <c r="P101" s="32"/>
      <c r="Q101" s="36"/>
      <c r="R101" s="37" t="s">
        <v>772</v>
      </c>
    </row>
    <row r="102" spans="1:18" s="18" customFormat="1" ht="19.2" x14ac:dyDescent="0.45">
      <c r="A102" s="29" t="s">
        <v>78</v>
      </c>
      <c r="B102" s="29" t="s">
        <v>303</v>
      </c>
      <c r="C102" s="30" t="s">
        <v>1592</v>
      </c>
      <c r="D102" s="31"/>
      <c r="E102" s="32" t="s">
        <v>287</v>
      </c>
      <c r="F102" s="32"/>
      <c r="G102" s="33"/>
      <c r="H102" s="31"/>
      <c r="I102" s="32" t="s">
        <v>623</v>
      </c>
      <c r="J102" s="34">
        <v>680</v>
      </c>
      <c r="K102" s="35">
        <v>3</v>
      </c>
      <c r="L102" s="32"/>
      <c r="M102" s="32"/>
      <c r="N102" s="32">
        <v>42</v>
      </c>
      <c r="O102" s="32"/>
      <c r="P102" s="32">
        <v>480</v>
      </c>
      <c r="Q102" s="36" t="s">
        <v>1415</v>
      </c>
      <c r="R102" s="37" t="s">
        <v>1593</v>
      </c>
    </row>
    <row r="103" spans="1:18" s="15" customFormat="1" ht="28.8" x14ac:dyDescent="0.45">
      <c r="A103" s="29" t="s">
        <v>74</v>
      </c>
      <c r="B103" s="29" t="s">
        <v>1025</v>
      </c>
      <c r="C103" s="30" t="s">
        <v>1026</v>
      </c>
      <c r="D103" s="31"/>
      <c r="E103" s="32" t="s">
        <v>1027</v>
      </c>
      <c r="F103" s="32"/>
      <c r="G103" s="33"/>
      <c r="H103" s="31">
        <v>120</v>
      </c>
      <c r="I103" s="34">
        <v>1728</v>
      </c>
      <c r="J103" s="34">
        <v>680</v>
      </c>
      <c r="K103" s="35">
        <v>4.5</v>
      </c>
      <c r="L103" s="32">
        <v>135</v>
      </c>
      <c r="M103" s="32">
        <v>235</v>
      </c>
      <c r="N103" s="32">
        <v>45</v>
      </c>
      <c r="O103" s="32">
        <v>625</v>
      </c>
      <c r="P103" s="32"/>
      <c r="Q103" s="36" t="s">
        <v>1415</v>
      </c>
      <c r="R103" s="37" t="s">
        <v>1139</v>
      </c>
    </row>
    <row r="104" spans="1:18" s="15" customFormat="1" ht="42" customHeight="1" x14ac:dyDescent="0.45">
      <c r="A104" s="42" t="s">
        <v>624</v>
      </c>
      <c r="B104" s="42" t="s">
        <v>350</v>
      </c>
      <c r="C104" s="43" t="s">
        <v>649</v>
      </c>
      <c r="D104" s="44"/>
      <c r="E104" s="45" t="s">
        <v>279</v>
      </c>
      <c r="F104" s="45"/>
      <c r="G104" s="46"/>
      <c r="H104" s="44">
        <v>120</v>
      </c>
      <c r="I104" s="45" t="s">
        <v>454</v>
      </c>
      <c r="J104" s="48">
        <v>690</v>
      </c>
      <c r="K104" s="49">
        <v>4</v>
      </c>
      <c r="L104" s="45">
        <v>135</v>
      </c>
      <c r="M104" s="45">
        <v>235</v>
      </c>
      <c r="N104" s="45">
        <v>42</v>
      </c>
      <c r="O104" s="45"/>
      <c r="P104" s="45"/>
      <c r="Q104" s="52"/>
      <c r="R104" s="51" t="s">
        <v>1231</v>
      </c>
    </row>
    <row r="105" spans="1:18" s="15" customFormat="1" ht="19.2" x14ac:dyDescent="0.45">
      <c r="A105" s="42" t="s">
        <v>85</v>
      </c>
      <c r="B105" s="42" t="s">
        <v>863</v>
      </c>
      <c r="C105" s="43" t="s">
        <v>864</v>
      </c>
      <c r="D105" s="44"/>
      <c r="E105" s="45" t="s">
        <v>15</v>
      </c>
      <c r="F105" s="45"/>
      <c r="G105" s="46"/>
      <c r="H105" s="44"/>
      <c r="I105" s="45"/>
      <c r="J105" s="48"/>
      <c r="K105" s="49"/>
      <c r="L105" s="45"/>
      <c r="M105" s="45"/>
      <c r="N105" s="45"/>
      <c r="O105" s="45"/>
      <c r="P105" s="45"/>
      <c r="Q105" s="52"/>
      <c r="R105" s="51" t="s">
        <v>868</v>
      </c>
    </row>
    <row r="106" spans="1:18" s="18" customFormat="1" ht="13.2" x14ac:dyDescent="0.45">
      <c r="A106" s="29" t="s">
        <v>86</v>
      </c>
      <c r="B106" s="29" t="s">
        <v>749</v>
      </c>
      <c r="C106" s="30" t="s">
        <v>458</v>
      </c>
      <c r="D106" s="31" t="s">
        <v>284</v>
      </c>
      <c r="E106" s="32"/>
      <c r="F106" s="32"/>
      <c r="G106" s="33"/>
      <c r="H106" s="31"/>
      <c r="I106" s="32" t="s">
        <v>301</v>
      </c>
      <c r="J106" s="34"/>
      <c r="K106" s="35"/>
      <c r="L106" s="32"/>
      <c r="M106" s="32"/>
      <c r="N106" s="32">
        <v>32</v>
      </c>
      <c r="O106" s="32"/>
      <c r="P106" s="32">
        <v>450</v>
      </c>
      <c r="Q106" s="41" t="s">
        <v>423</v>
      </c>
      <c r="R106" s="37"/>
    </row>
    <row r="107" spans="1:18" s="18" customFormat="1" ht="19.2" x14ac:dyDescent="0.45">
      <c r="A107" s="29" t="s">
        <v>75</v>
      </c>
      <c r="B107" s="29" t="s">
        <v>294</v>
      </c>
      <c r="C107" s="30" t="s">
        <v>1183</v>
      </c>
      <c r="D107" s="31"/>
      <c r="E107" s="32" t="s">
        <v>279</v>
      </c>
      <c r="F107" s="32"/>
      <c r="G107" s="33"/>
      <c r="H107" s="31"/>
      <c r="I107" s="34">
        <v>1728</v>
      </c>
      <c r="J107" s="34"/>
      <c r="K107" s="35"/>
      <c r="L107" s="32"/>
      <c r="M107" s="32"/>
      <c r="N107" s="32"/>
      <c r="O107" s="32"/>
      <c r="P107" s="32"/>
      <c r="Q107" s="36"/>
      <c r="R107" s="37" t="s">
        <v>1194</v>
      </c>
    </row>
    <row r="108" spans="1:18" s="15" customFormat="1" ht="19.2" x14ac:dyDescent="0.45">
      <c r="A108" s="42" t="s">
        <v>76</v>
      </c>
      <c r="B108" s="42" t="s">
        <v>303</v>
      </c>
      <c r="C108" s="43" t="s">
        <v>1184</v>
      </c>
      <c r="D108" s="44" t="s">
        <v>537</v>
      </c>
      <c r="E108" s="45"/>
      <c r="F108" s="45"/>
      <c r="G108" s="46"/>
      <c r="H108" s="47" t="s">
        <v>778</v>
      </c>
      <c r="I108" s="45">
        <v>1764</v>
      </c>
      <c r="J108" s="48">
        <v>744</v>
      </c>
      <c r="K108" s="49"/>
      <c r="L108" s="45">
        <v>158</v>
      </c>
      <c r="M108" s="45">
        <v>280</v>
      </c>
      <c r="N108" s="45"/>
      <c r="O108" s="45">
        <v>760</v>
      </c>
      <c r="P108" s="45"/>
      <c r="Q108" s="52" t="s">
        <v>1415</v>
      </c>
      <c r="R108" s="51" t="s">
        <v>1140</v>
      </c>
    </row>
    <row r="109" spans="1:18" s="15" customFormat="1" ht="42" customHeight="1" x14ac:dyDescent="0.45">
      <c r="A109" s="42" t="s">
        <v>76</v>
      </c>
      <c r="B109" s="42" t="s">
        <v>303</v>
      </c>
      <c r="C109" s="43" t="s">
        <v>922</v>
      </c>
      <c r="D109" s="44"/>
      <c r="E109" s="45" t="s">
        <v>279</v>
      </c>
      <c r="F109" s="45"/>
      <c r="G109" s="46"/>
      <c r="H109" s="47" t="s">
        <v>778</v>
      </c>
      <c r="I109" s="45">
        <v>1764</v>
      </c>
      <c r="J109" s="48">
        <v>744</v>
      </c>
      <c r="K109" s="49"/>
      <c r="L109" s="45">
        <v>158</v>
      </c>
      <c r="M109" s="45">
        <v>280</v>
      </c>
      <c r="N109" s="45"/>
      <c r="O109" s="45">
        <v>760</v>
      </c>
      <c r="P109" s="45"/>
      <c r="Q109" s="52" t="s">
        <v>1415</v>
      </c>
      <c r="R109" s="51" t="s">
        <v>1594</v>
      </c>
    </row>
    <row r="110" spans="1:18" s="15" customFormat="1" ht="52.5" customHeight="1" x14ac:dyDescent="0.45">
      <c r="A110" s="29" t="s">
        <v>77</v>
      </c>
      <c r="B110" s="29" t="s">
        <v>625</v>
      </c>
      <c r="C110" s="30" t="s">
        <v>1595</v>
      </c>
      <c r="D110" s="31"/>
      <c r="E110" s="32" t="s">
        <v>279</v>
      </c>
      <c r="F110" s="32"/>
      <c r="G110" s="33"/>
      <c r="H110" s="31">
        <v>120</v>
      </c>
      <c r="I110" s="34">
        <v>1728</v>
      </c>
      <c r="J110" s="34" t="s">
        <v>1232</v>
      </c>
      <c r="K110" s="35">
        <v>4</v>
      </c>
      <c r="L110" s="32">
        <v>135</v>
      </c>
      <c r="M110" s="32">
        <v>235</v>
      </c>
      <c r="N110" s="32">
        <v>42</v>
      </c>
      <c r="O110" s="32">
        <v>625</v>
      </c>
      <c r="P110" s="32"/>
      <c r="Q110" s="41" t="s">
        <v>423</v>
      </c>
      <c r="R110" s="37" t="s">
        <v>1596</v>
      </c>
    </row>
    <row r="111" spans="1:18" s="15" customFormat="1" ht="19.2" x14ac:dyDescent="0.45">
      <c r="A111" s="29" t="s">
        <v>79</v>
      </c>
      <c r="B111" s="29" t="s">
        <v>303</v>
      </c>
      <c r="C111" s="30" t="s">
        <v>1514</v>
      </c>
      <c r="D111" s="31"/>
      <c r="E111" s="32" t="s">
        <v>279</v>
      </c>
      <c r="F111" s="32"/>
      <c r="G111" s="33"/>
      <c r="H111" s="31">
        <v>114</v>
      </c>
      <c r="I111" s="32">
        <v>1632</v>
      </c>
      <c r="J111" s="34">
        <v>548</v>
      </c>
      <c r="K111" s="62"/>
      <c r="L111" s="32">
        <v>135</v>
      </c>
      <c r="M111" s="32"/>
      <c r="N111" s="32"/>
      <c r="O111" s="32">
        <v>535</v>
      </c>
      <c r="P111" s="32">
        <v>195</v>
      </c>
      <c r="Q111" s="36" t="s">
        <v>423</v>
      </c>
      <c r="R111" s="37" t="s">
        <v>1541</v>
      </c>
    </row>
    <row r="112" spans="1:18" s="15" customFormat="1" ht="21" customHeight="1" x14ac:dyDescent="0.45">
      <c r="A112" s="42" t="s">
        <v>81</v>
      </c>
      <c r="B112" s="42" t="s">
        <v>303</v>
      </c>
      <c r="C112" s="43" t="s">
        <v>310</v>
      </c>
      <c r="D112" s="44"/>
      <c r="E112" s="45" t="s">
        <v>279</v>
      </c>
      <c r="F112" s="45"/>
      <c r="G112" s="46"/>
      <c r="H112" s="44"/>
      <c r="I112" s="45" t="s">
        <v>341</v>
      </c>
      <c r="J112" s="48">
        <v>690</v>
      </c>
      <c r="K112" s="49"/>
      <c r="L112" s="45"/>
      <c r="M112" s="45"/>
      <c r="N112" s="45"/>
      <c r="O112" s="45"/>
      <c r="P112" s="45">
        <v>385</v>
      </c>
      <c r="Q112" s="52"/>
      <c r="R112" s="51" t="s">
        <v>802</v>
      </c>
    </row>
    <row r="113" spans="1:18" s="15" customFormat="1" ht="19.2" x14ac:dyDescent="0.45">
      <c r="A113" s="42" t="s">
        <v>65</v>
      </c>
      <c r="B113" s="42" t="s">
        <v>711</v>
      </c>
      <c r="C113" s="43" t="s">
        <v>312</v>
      </c>
      <c r="D113" s="44"/>
      <c r="E113" s="45" t="s">
        <v>279</v>
      </c>
      <c r="F113" s="45"/>
      <c r="G113" s="46"/>
      <c r="H113" s="47" t="s">
        <v>1416</v>
      </c>
      <c r="I113" s="45">
        <v>1700</v>
      </c>
      <c r="J113" s="48">
        <v>680</v>
      </c>
      <c r="K113" s="53">
        <v>4</v>
      </c>
      <c r="L113" s="48">
        <v>135</v>
      </c>
      <c r="M113" s="48">
        <v>235</v>
      </c>
      <c r="N113" s="48">
        <v>42</v>
      </c>
      <c r="O113" s="45"/>
      <c r="P113" s="45"/>
      <c r="Q113" s="52"/>
      <c r="R113" s="51" t="s">
        <v>1418</v>
      </c>
    </row>
    <row r="114" spans="1:18" s="15" customFormat="1" ht="19.2" x14ac:dyDescent="0.45">
      <c r="A114" s="42" t="s">
        <v>65</v>
      </c>
      <c r="B114" s="42" t="s">
        <v>396</v>
      </c>
      <c r="C114" s="43" t="s">
        <v>1233</v>
      </c>
      <c r="D114" s="44"/>
      <c r="E114" s="45" t="s">
        <v>279</v>
      </c>
      <c r="F114" s="45"/>
      <c r="G114" s="46"/>
      <c r="H114" s="47" t="s">
        <v>1417</v>
      </c>
      <c r="I114" s="45">
        <v>2300</v>
      </c>
      <c r="J114" s="48">
        <v>1180</v>
      </c>
      <c r="K114" s="53">
        <v>5.5</v>
      </c>
      <c r="L114" s="48">
        <v>309</v>
      </c>
      <c r="M114" s="48">
        <v>600</v>
      </c>
      <c r="N114" s="48">
        <v>72</v>
      </c>
      <c r="O114" s="45"/>
      <c r="P114" s="45"/>
      <c r="Q114" s="52"/>
      <c r="R114" s="51" t="s">
        <v>1419</v>
      </c>
    </row>
    <row r="115" spans="1:18" s="15" customFormat="1" ht="19.2" x14ac:dyDescent="0.45">
      <c r="A115" s="42" t="s">
        <v>65</v>
      </c>
      <c r="B115" s="42" t="s">
        <v>396</v>
      </c>
      <c r="C115" s="43" t="s">
        <v>1017</v>
      </c>
      <c r="D115" s="44"/>
      <c r="E115" s="45" t="s">
        <v>279</v>
      </c>
      <c r="F115" s="45"/>
      <c r="G115" s="46"/>
      <c r="H115" s="47" t="s">
        <v>1416</v>
      </c>
      <c r="I115" s="45">
        <v>1700</v>
      </c>
      <c r="J115" s="48">
        <v>680</v>
      </c>
      <c r="K115" s="53">
        <v>4</v>
      </c>
      <c r="L115" s="48">
        <v>135</v>
      </c>
      <c r="M115" s="48">
        <v>235</v>
      </c>
      <c r="N115" s="48">
        <v>42</v>
      </c>
      <c r="O115" s="45"/>
      <c r="P115" s="45"/>
      <c r="Q115" s="52"/>
      <c r="R115" s="51" t="s">
        <v>1420</v>
      </c>
    </row>
    <row r="116" spans="1:18" s="15" customFormat="1" ht="19.2" x14ac:dyDescent="0.45">
      <c r="A116" s="42" t="s">
        <v>83</v>
      </c>
      <c r="B116" s="42" t="s">
        <v>1234</v>
      </c>
      <c r="C116" s="43" t="s">
        <v>929</v>
      </c>
      <c r="D116" s="44" t="s">
        <v>537</v>
      </c>
      <c r="E116" s="45" t="s">
        <v>430</v>
      </c>
      <c r="F116" s="45"/>
      <c r="G116" s="46"/>
      <c r="H116" s="44" t="s">
        <v>1094</v>
      </c>
      <c r="I116" s="45" t="s">
        <v>626</v>
      </c>
      <c r="J116" s="48">
        <v>690</v>
      </c>
      <c r="K116" s="49">
        <v>3</v>
      </c>
      <c r="L116" s="45">
        <v>135</v>
      </c>
      <c r="M116" s="45">
        <v>235</v>
      </c>
      <c r="N116" s="45">
        <v>42</v>
      </c>
      <c r="O116" s="45">
        <v>385</v>
      </c>
      <c r="P116" s="45"/>
      <c r="Q116" s="52"/>
      <c r="R116" s="51" t="s">
        <v>1483</v>
      </c>
    </row>
    <row r="117" spans="1:18" s="15" customFormat="1" ht="21" customHeight="1" x14ac:dyDescent="0.45">
      <c r="A117" s="42" t="s">
        <v>83</v>
      </c>
      <c r="B117" s="42" t="s">
        <v>303</v>
      </c>
      <c r="C117" s="43" t="s">
        <v>803</v>
      </c>
      <c r="D117" s="44" t="s">
        <v>284</v>
      </c>
      <c r="E117" s="45" t="s">
        <v>430</v>
      </c>
      <c r="F117" s="45"/>
      <c r="G117" s="46"/>
      <c r="H117" s="44" t="s">
        <v>1095</v>
      </c>
      <c r="I117" s="45" t="s">
        <v>622</v>
      </c>
      <c r="J117" s="48">
        <v>880</v>
      </c>
      <c r="K117" s="49">
        <v>4</v>
      </c>
      <c r="L117" s="45">
        <v>230</v>
      </c>
      <c r="M117" s="45">
        <v>420</v>
      </c>
      <c r="N117" s="45">
        <v>50</v>
      </c>
      <c r="O117" s="45">
        <v>800</v>
      </c>
      <c r="P117" s="45"/>
      <c r="Q117" s="52"/>
      <c r="R117" s="51" t="s">
        <v>1228</v>
      </c>
    </row>
    <row r="118" spans="1:18" s="15" customFormat="1" ht="19.2" x14ac:dyDescent="0.45">
      <c r="A118" s="42" t="s">
        <v>84</v>
      </c>
      <c r="B118" s="42" t="s">
        <v>303</v>
      </c>
      <c r="C118" s="43" t="s">
        <v>724</v>
      </c>
      <c r="D118" s="44"/>
      <c r="E118" s="45" t="s">
        <v>279</v>
      </c>
      <c r="F118" s="45"/>
      <c r="G118" s="46"/>
      <c r="H118" s="44">
        <v>120</v>
      </c>
      <c r="I118" s="45">
        <v>1700</v>
      </c>
      <c r="J118" s="48">
        <v>680</v>
      </c>
      <c r="K118" s="49">
        <v>4</v>
      </c>
      <c r="L118" s="45">
        <v>135</v>
      </c>
      <c r="M118" s="45">
        <v>235</v>
      </c>
      <c r="N118" s="45">
        <v>42</v>
      </c>
      <c r="O118" s="45"/>
      <c r="P118" s="45"/>
      <c r="Q118" s="52"/>
      <c r="R118" s="51" t="s">
        <v>923</v>
      </c>
    </row>
    <row r="119" spans="1:18" s="15" customFormat="1" ht="21" customHeight="1" x14ac:dyDescent="0.45">
      <c r="A119" s="29" t="s">
        <v>88</v>
      </c>
      <c r="B119" s="29" t="s">
        <v>1425</v>
      </c>
      <c r="C119" s="30" t="s">
        <v>1529</v>
      </c>
      <c r="D119" s="31" t="s">
        <v>284</v>
      </c>
      <c r="E119" s="32"/>
      <c r="F119" s="32"/>
      <c r="G119" s="33"/>
      <c r="H119" s="31"/>
      <c r="I119" s="34" t="s">
        <v>1426</v>
      </c>
      <c r="J119" s="34"/>
      <c r="K119" s="32" t="s">
        <v>1415</v>
      </c>
      <c r="L119" s="32" t="s">
        <v>1415</v>
      </c>
      <c r="M119" s="32"/>
      <c r="N119" s="32" t="s">
        <v>1415</v>
      </c>
      <c r="O119" s="32" t="s">
        <v>1415</v>
      </c>
      <c r="P119" s="32"/>
      <c r="Q119" s="36"/>
      <c r="R119" s="37" t="s">
        <v>1427</v>
      </c>
    </row>
    <row r="120" spans="1:18" s="15" customFormat="1" ht="13.2" x14ac:dyDescent="0.45">
      <c r="A120" s="29" t="s">
        <v>88</v>
      </c>
      <c r="B120" s="29" t="s">
        <v>429</v>
      </c>
      <c r="C120" s="30" t="s">
        <v>399</v>
      </c>
      <c r="D120" s="31" t="s">
        <v>606</v>
      </c>
      <c r="E120" s="32"/>
      <c r="F120" s="32"/>
      <c r="G120" s="33"/>
      <c r="H120" s="31"/>
      <c r="I120" s="32">
        <v>2100</v>
      </c>
      <c r="J120" s="34">
        <v>1100</v>
      </c>
      <c r="K120" s="35">
        <v>4.5</v>
      </c>
      <c r="L120" s="32">
        <v>260</v>
      </c>
      <c r="M120" s="32"/>
      <c r="N120" s="32">
        <v>50</v>
      </c>
      <c r="O120" s="32">
        <v>940</v>
      </c>
      <c r="P120" s="32"/>
      <c r="Q120" s="36"/>
      <c r="R120" s="37"/>
    </row>
    <row r="121" spans="1:18" s="18" customFormat="1" ht="21" customHeight="1" x14ac:dyDescent="0.45">
      <c r="A121" s="29" t="s">
        <v>88</v>
      </c>
      <c r="B121" s="29" t="s">
        <v>1014</v>
      </c>
      <c r="C121" s="30" t="s">
        <v>722</v>
      </c>
      <c r="D121" s="31" t="s">
        <v>606</v>
      </c>
      <c r="E121" s="32" t="s">
        <v>1421</v>
      </c>
      <c r="F121" s="32"/>
      <c r="G121" s="33"/>
      <c r="H121" s="31"/>
      <c r="I121" s="32">
        <v>1700</v>
      </c>
      <c r="J121" s="34">
        <v>680</v>
      </c>
      <c r="K121" s="35">
        <v>4</v>
      </c>
      <c r="L121" s="32">
        <v>135</v>
      </c>
      <c r="M121" s="32">
        <v>235</v>
      </c>
      <c r="N121" s="32">
        <v>42</v>
      </c>
      <c r="O121" s="32">
        <v>385</v>
      </c>
      <c r="P121" s="32"/>
      <c r="Q121" s="36"/>
      <c r="R121" s="37" t="s">
        <v>1484</v>
      </c>
    </row>
    <row r="122" spans="1:18" s="15" customFormat="1" ht="31.5" customHeight="1" x14ac:dyDescent="0.45">
      <c r="A122" s="42" t="s">
        <v>87</v>
      </c>
      <c r="B122" s="42" t="s">
        <v>437</v>
      </c>
      <c r="C122" s="43" t="s">
        <v>1422</v>
      </c>
      <c r="D122" s="44"/>
      <c r="E122" s="45" t="s">
        <v>279</v>
      </c>
      <c r="F122" s="45"/>
      <c r="G122" s="46"/>
      <c r="H122" s="47" t="s">
        <v>590</v>
      </c>
      <c r="I122" s="48">
        <v>1950</v>
      </c>
      <c r="J122" s="48" t="s">
        <v>376</v>
      </c>
      <c r="K122" s="49"/>
      <c r="L122" s="45">
        <v>225</v>
      </c>
      <c r="M122" s="45">
        <v>420</v>
      </c>
      <c r="N122" s="45"/>
      <c r="O122" s="45"/>
      <c r="P122" s="45"/>
      <c r="Q122" s="52"/>
      <c r="R122" s="51" t="s">
        <v>1166</v>
      </c>
    </row>
    <row r="123" spans="1:18" s="15" customFormat="1" ht="31.5" customHeight="1" x14ac:dyDescent="0.45">
      <c r="A123" s="42" t="s">
        <v>87</v>
      </c>
      <c r="B123" s="42" t="s">
        <v>865</v>
      </c>
      <c r="C123" s="43" t="s">
        <v>866</v>
      </c>
      <c r="D123" s="44"/>
      <c r="E123" s="45" t="s">
        <v>279</v>
      </c>
      <c r="F123" s="45"/>
      <c r="G123" s="46"/>
      <c r="H123" s="47" t="s">
        <v>590</v>
      </c>
      <c r="I123" s="48">
        <v>1950</v>
      </c>
      <c r="J123" s="48" t="s">
        <v>376</v>
      </c>
      <c r="K123" s="49"/>
      <c r="L123" s="45">
        <v>225</v>
      </c>
      <c r="M123" s="45">
        <v>420</v>
      </c>
      <c r="N123" s="45"/>
      <c r="O123" s="45"/>
      <c r="P123" s="45"/>
      <c r="Q123" s="52"/>
      <c r="R123" s="51" t="s">
        <v>1167</v>
      </c>
    </row>
    <row r="124" spans="1:18" s="15" customFormat="1" ht="28.8" x14ac:dyDescent="0.45">
      <c r="A124" s="42" t="s">
        <v>90</v>
      </c>
      <c r="B124" s="42" t="s">
        <v>1423</v>
      </c>
      <c r="C124" s="43" t="s">
        <v>1222</v>
      </c>
      <c r="D124" s="44"/>
      <c r="E124" s="45" t="s">
        <v>279</v>
      </c>
      <c r="F124" s="45"/>
      <c r="G124" s="46"/>
      <c r="H124" s="44">
        <v>140</v>
      </c>
      <c r="I124" s="48">
        <v>1980</v>
      </c>
      <c r="J124" s="48">
        <v>930</v>
      </c>
      <c r="K124" s="49">
        <v>4</v>
      </c>
      <c r="L124" s="45">
        <v>225</v>
      </c>
      <c r="M124" s="45">
        <v>420</v>
      </c>
      <c r="N124" s="45">
        <v>42</v>
      </c>
      <c r="O124" s="45">
        <v>790</v>
      </c>
      <c r="P124" s="45">
        <v>550</v>
      </c>
      <c r="Q124" s="52"/>
      <c r="R124" s="51" t="s">
        <v>1597</v>
      </c>
    </row>
    <row r="125" spans="1:18" s="15" customFormat="1" ht="28.8" x14ac:dyDescent="0.45">
      <c r="A125" s="42" t="s">
        <v>607</v>
      </c>
      <c r="B125" s="42" t="s">
        <v>1555</v>
      </c>
      <c r="C125" s="43" t="s">
        <v>804</v>
      </c>
      <c r="D125" s="44" t="s">
        <v>284</v>
      </c>
      <c r="E125" s="45"/>
      <c r="F125" s="45"/>
      <c r="G125" s="46"/>
      <c r="H125" s="44">
        <v>140</v>
      </c>
      <c r="I125" s="48">
        <v>1980</v>
      </c>
      <c r="J125" s="48" t="s">
        <v>1116</v>
      </c>
      <c r="K125" s="49">
        <v>4</v>
      </c>
      <c r="L125" s="45">
        <v>225</v>
      </c>
      <c r="M125" s="45">
        <v>420</v>
      </c>
      <c r="N125" s="45">
        <v>42</v>
      </c>
      <c r="O125" s="45">
        <v>790</v>
      </c>
      <c r="P125" s="45">
        <v>550</v>
      </c>
      <c r="Q125" s="52"/>
      <c r="R125" s="51"/>
    </row>
    <row r="126" spans="1:18" s="18" customFormat="1" ht="19.2" x14ac:dyDescent="0.45">
      <c r="A126" s="42" t="s">
        <v>90</v>
      </c>
      <c r="B126" s="42" t="s">
        <v>1424</v>
      </c>
      <c r="C126" s="43" t="s">
        <v>930</v>
      </c>
      <c r="D126" s="44" t="s">
        <v>284</v>
      </c>
      <c r="E126" s="45"/>
      <c r="F126" s="45"/>
      <c r="G126" s="46"/>
      <c r="H126" s="44">
        <v>140</v>
      </c>
      <c r="I126" s="48">
        <v>1980</v>
      </c>
      <c r="J126" s="48" t="s">
        <v>1116</v>
      </c>
      <c r="K126" s="49">
        <v>4</v>
      </c>
      <c r="L126" s="45">
        <v>225</v>
      </c>
      <c r="M126" s="45">
        <v>420</v>
      </c>
      <c r="N126" s="45">
        <v>42</v>
      </c>
      <c r="O126" s="45">
        <v>790</v>
      </c>
      <c r="P126" s="45">
        <v>550</v>
      </c>
      <c r="Q126" s="52" t="s">
        <v>1223</v>
      </c>
      <c r="R126" s="51"/>
    </row>
    <row r="127" spans="1:18" s="15" customFormat="1" ht="42" customHeight="1" x14ac:dyDescent="0.45">
      <c r="A127" s="42" t="s">
        <v>89</v>
      </c>
      <c r="B127" s="42" t="s">
        <v>437</v>
      </c>
      <c r="C127" s="43" t="s">
        <v>1235</v>
      </c>
      <c r="D127" s="44"/>
      <c r="E127" s="45" t="s">
        <v>279</v>
      </c>
      <c r="F127" s="45"/>
      <c r="G127" s="46"/>
      <c r="H127" s="44">
        <v>140</v>
      </c>
      <c r="I127" s="48" t="s">
        <v>301</v>
      </c>
      <c r="J127" s="48" t="s">
        <v>1006</v>
      </c>
      <c r="K127" s="49">
        <v>4</v>
      </c>
      <c r="L127" s="45">
        <v>225</v>
      </c>
      <c r="M127" s="45">
        <v>420</v>
      </c>
      <c r="N127" s="45">
        <v>42</v>
      </c>
      <c r="O127" s="45">
        <v>1150</v>
      </c>
      <c r="P127" s="45"/>
      <c r="Q127" s="52"/>
      <c r="R127" s="51" t="s">
        <v>1598</v>
      </c>
    </row>
    <row r="128" spans="1:18" s="15" customFormat="1" ht="38.4" x14ac:dyDescent="0.45">
      <c r="A128" s="42" t="s">
        <v>91</v>
      </c>
      <c r="B128" s="42" t="s">
        <v>331</v>
      </c>
      <c r="C128" s="43" t="s">
        <v>278</v>
      </c>
      <c r="D128" s="44"/>
      <c r="E128" s="45" t="s">
        <v>287</v>
      </c>
      <c r="F128" s="45"/>
      <c r="G128" s="46"/>
      <c r="H128" s="47" t="s">
        <v>841</v>
      </c>
      <c r="I128" s="48" t="s">
        <v>777</v>
      </c>
      <c r="J128" s="45">
        <v>1050</v>
      </c>
      <c r="K128" s="49">
        <v>4.5</v>
      </c>
      <c r="L128" s="45">
        <v>210</v>
      </c>
      <c r="M128" s="45">
        <v>310</v>
      </c>
      <c r="N128" s="45">
        <v>42</v>
      </c>
      <c r="O128" s="45">
        <v>650</v>
      </c>
      <c r="P128" s="45"/>
      <c r="Q128" s="52"/>
      <c r="R128" s="51" t="s">
        <v>1599</v>
      </c>
    </row>
    <row r="129" spans="1:18" s="15" customFormat="1" ht="24" customHeight="1" x14ac:dyDescent="0.45">
      <c r="A129" s="42" t="s">
        <v>91</v>
      </c>
      <c r="B129" s="42" t="s">
        <v>1008</v>
      </c>
      <c r="C129" s="43" t="s">
        <v>278</v>
      </c>
      <c r="D129" s="44" t="s">
        <v>537</v>
      </c>
      <c r="E129" s="45"/>
      <c r="F129" s="45"/>
      <c r="G129" s="46"/>
      <c r="H129" s="47" t="s">
        <v>841</v>
      </c>
      <c r="I129" s="48" t="s">
        <v>1009</v>
      </c>
      <c r="J129" s="45">
        <v>990</v>
      </c>
      <c r="K129" s="49">
        <v>4</v>
      </c>
      <c r="L129" s="45">
        <v>210</v>
      </c>
      <c r="M129" s="45">
        <v>310</v>
      </c>
      <c r="N129" s="45">
        <v>32</v>
      </c>
      <c r="O129" s="45">
        <v>500</v>
      </c>
      <c r="P129" s="45"/>
      <c r="Q129" s="52"/>
      <c r="R129" s="51" t="s">
        <v>1600</v>
      </c>
    </row>
    <row r="130" spans="1:18" s="15" customFormat="1" ht="14.25" customHeight="1" x14ac:dyDescent="0.45">
      <c r="A130" s="29" t="s">
        <v>143</v>
      </c>
      <c r="B130" s="29" t="s">
        <v>1405</v>
      </c>
      <c r="C130" s="30" t="s">
        <v>1340</v>
      </c>
      <c r="D130" s="31" t="s">
        <v>284</v>
      </c>
      <c r="E130" s="32" t="s">
        <v>1341</v>
      </c>
      <c r="F130" s="32"/>
      <c r="G130" s="33"/>
      <c r="H130" s="31"/>
      <c r="I130" s="32" t="s">
        <v>1342</v>
      </c>
      <c r="J130" s="34"/>
      <c r="K130" s="35"/>
      <c r="L130" s="32"/>
      <c r="M130" s="32"/>
      <c r="N130" s="32"/>
      <c r="O130" s="32"/>
      <c r="P130" s="32"/>
      <c r="Q130" s="36"/>
      <c r="R130" s="37" t="s">
        <v>1408</v>
      </c>
    </row>
    <row r="131" spans="1:18" s="15" customFormat="1" ht="14.25" customHeight="1" x14ac:dyDescent="0.45">
      <c r="A131" s="29" t="s">
        <v>143</v>
      </c>
      <c r="B131" s="29" t="s">
        <v>1406</v>
      </c>
      <c r="C131" s="30" t="s">
        <v>1340</v>
      </c>
      <c r="D131" s="31" t="s">
        <v>284</v>
      </c>
      <c r="E131" s="32" t="s">
        <v>1341</v>
      </c>
      <c r="F131" s="32"/>
      <c r="G131" s="33"/>
      <c r="H131" s="31"/>
      <c r="I131" s="32" t="s">
        <v>1342</v>
      </c>
      <c r="J131" s="32" t="s">
        <v>1342</v>
      </c>
      <c r="K131" s="35"/>
      <c r="L131" s="32" t="s">
        <v>1342</v>
      </c>
      <c r="M131" s="32" t="s">
        <v>1342</v>
      </c>
      <c r="N131" s="32"/>
      <c r="O131" s="32"/>
      <c r="P131" s="32"/>
      <c r="Q131" s="36"/>
      <c r="R131" s="37" t="s">
        <v>1409</v>
      </c>
    </row>
    <row r="132" spans="1:18" s="15" customFormat="1" ht="21" customHeight="1" x14ac:dyDescent="0.45">
      <c r="A132" s="29" t="s">
        <v>143</v>
      </c>
      <c r="B132" s="29" t="s">
        <v>1407</v>
      </c>
      <c r="C132" s="30" t="s">
        <v>1340</v>
      </c>
      <c r="D132" s="31" t="s">
        <v>284</v>
      </c>
      <c r="E132" s="32" t="s">
        <v>1341</v>
      </c>
      <c r="F132" s="32"/>
      <c r="G132" s="33"/>
      <c r="H132" s="31"/>
      <c r="I132" s="32">
        <v>1700</v>
      </c>
      <c r="J132" s="34">
        <v>680</v>
      </c>
      <c r="K132" s="35">
        <v>4</v>
      </c>
      <c r="L132" s="32">
        <v>135</v>
      </c>
      <c r="M132" s="32">
        <v>235</v>
      </c>
      <c r="N132" s="32">
        <v>42</v>
      </c>
      <c r="O132" s="32"/>
      <c r="P132" s="32"/>
      <c r="Q132" s="36"/>
      <c r="R132" s="37" t="s">
        <v>1410</v>
      </c>
    </row>
    <row r="133" spans="1:18" s="15" customFormat="1" ht="21" customHeight="1" x14ac:dyDescent="0.45">
      <c r="A133" s="42" t="s">
        <v>602</v>
      </c>
      <c r="B133" s="42" t="s">
        <v>1552</v>
      </c>
      <c r="C133" s="43" t="s">
        <v>1376</v>
      </c>
      <c r="D133" s="44" t="s">
        <v>537</v>
      </c>
      <c r="E133" s="45" t="s">
        <v>1341</v>
      </c>
      <c r="F133" s="45"/>
      <c r="G133" s="46"/>
      <c r="H133" s="44"/>
      <c r="I133" s="45">
        <v>1728</v>
      </c>
      <c r="J133" s="48">
        <v>930</v>
      </c>
      <c r="K133" s="49">
        <v>4</v>
      </c>
      <c r="L133" s="45">
        <v>225</v>
      </c>
      <c r="M133" s="45"/>
      <c r="N133" s="45"/>
      <c r="O133" s="45"/>
      <c r="P133" s="45"/>
      <c r="Q133" s="52"/>
      <c r="R133" s="51" t="s">
        <v>1553</v>
      </c>
    </row>
    <row r="134" spans="1:18" s="15" customFormat="1" ht="21" customHeight="1" x14ac:dyDescent="0.45">
      <c r="A134" s="42" t="s">
        <v>602</v>
      </c>
      <c r="B134" s="42" t="s">
        <v>447</v>
      </c>
      <c r="C134" s="43" t="s">
        <v>1376</v>
      </c>
      <c r="D134" s="44" t="s">
        <v>537</v>
      </c>
      <c r="E134" s="45" t="s">
        <v>430</v>
      </c>
      <c r="F134" s="45"/>
      <c r="G134" s="46"/>
      <c r="H134" s="44"/>
      <c r="I134" s="45">
        <v>1950</v>
      </c>
      <c r="J134" s="48">
        <v>930</v>
      </c>
      <c r="K134" s="49">
        <v>4</v>
      </c>
      <c r="L134" s="45">
        <v>225</v>
      </c>
      <c r="M134" s="45"/>
      <c r="N134" s="45"/>
      <c r="O134" s="45"/>
      <c r="P134" s="45"/>
      <c r="Q134" s="52"/>
      <c r="R134" s="51" t="s">
        <v>1225</v>
      </c>
    </row>
    <row r="135" spans="1:18" s="15" customFormat="1" ht="19.2" x14ac:dyDescent="0.45">
      <c r="A135" s="42" t="s">
        <v>602</v>
      </c>
      <c r="B135" s="42" t="s">
        <v>526</v>
      </c>
      <c r="C135" s="43" t="s">
        <v>603</v>
      </c>
      <c r="D135" s="44"/>
      <c r="E135" s="45" t="s">
        <v>279</v>
      </c>
      <c r="F135" s="45"/>
      <c r="G135" s="46"/>
      <c r="H135" s="44"/>
      <c r="I135" s="45" t="s">
        <v>301</v>
      </c>
      <c r="J135" s="48">
        <v>930</v>
      </c>
      <c r="K135" s="49">
        <v>4</v>
      </c>
      <c r="L135" s="45">
        <v>225</v>
      </c>
      <c r="M135" s="45"/>
      <c r="N135" s="45"/>
      <c r="O135" s="45"/>
      <c r="P135" s="45"/>
      <c r="Q135" s="52"/>
      <c r="R135" s="51" t="s">
        <v>1010</v>
      </c>
    </row>
    <row r="136" spans="1:18" s="15" customFormat="1" ht="14.25" customHeight="1" x14ac:dyDescent="0.45">
      <c r="A136" s="29" t="s">
        <v>92</v>
      </c>
      <c r="B136" s="29" t="s">
        <v>1310</v>
      </c>
      <c r="C136" s="30" t="s">
        <v>1311</v>
      </c>
      <c r="D136" s="31"/>
      <c r="E136" s="45" t="s">
        <v>279</v>
      </c>
      <c r="F136" s="32"/>
      <c r="G136" s="33"/>
      <c r="H136" s="31"/>
      <c r="I136" s="32">
        <v>2500</v>
      </c>
      <c r="J136" s="34"/>
      <c r="K136" s="35"/>
      <c r="L136" s="32"/>
      <c r="M136" s="32"/>
      <c r="N136" s="32"/>
      <c r="O136" s="32"/>
      <c r="P136" s="32"/>
      <c r="Q136" s="36"/>
      <c r="R136" s="37" t="s">
        <v>1403</v>
      </c>
    </row>
    <row r="137" spans="1:18" s="18" customFormat="1" ht="21" customHeight="1" x14ac:dyDescent="0.45">
      <c r="A137" s="42" t="s">
        <v>93</v>
      </c>
      <c r="B137" s="42" t="s">
        <v>1527</v>
      </c>
      <c r="C137" s="43" t="s">
        <v>819</v>
      </c>
      <c r="D137" s="44" t="s">
        <v>284</v>
      </c>
      <c r="E137" s="45"/>
      <c r="F137" s="45"/>
      <c r="G137" s="46"/>
      <c r="H137" s="44">
        <v>140</v>
      </c>
      <c r="I137" s="45">
        <v>1750</v>
      </c>
      <c r="J137" s="48">
        <v>850</v>
      </c>
      <c r="K137" s="49">
        <v>3.5</v>
      </c>
      <c r="L137" s="45">
        <v>186</v>
      </c>
      <c r="M137" s="45"/>
      <c r="N137" s="45">
        <v>38</v>
      </c>
      <c r="O137" s="45">
        <v>575</v>
      </c>
      <c r="P137" s="45">
        <v>400</v>
      </c>
      <c r="Q137" s="50" t="s">
        <v>423</v>
      </c>
      <c r="R137" s="51"/>
    </row>
    <row r="138" spans="1:18" s="18" customFormat="1" ht="14.25" customHeight="1" x14ac:dyDescent="0.45">
      <c r="A138" s="42" t="s">
        <v>93</v>
      </c>
      <c r="B138" s="42" t="s">
        <v>1528</v>
      </c>
      <c r="C138" s="43" t="s">
        <v>820</v>
      </c>
      <c r="D138" s="44" t="s">
        <v>284</v>
      </c>
      <c r="E138" s="45"/>
      <c r="F138" s="45"/>
      <c r="G138" s="46"/>
      <c r="H138" s="44"/>
      <c r="I138" s="45">
        <v>1800</v>
      </c>
      <c r="J138" s="48">
        <v>850</v>
      </c>
      <c r="K138" s="49">
        <v>3.5</v>
      </c>
      <c r="L138" s="45">
        <v>186</v>
      </c>
      <c r="M138" s="45"/>
      <c r="N138" s="45">
        <v>38</v>
      </c>
      <c r="O138" s="45">
        <v>575</v>
      </c>
      <c r="P138" s="45">
        <v>400</v>
      </c>
      <c r="Q138" s="50" t="s">
        <v>423</v>
      </c>
      <c r="R138" s="51"/>
    </row>
    <row r="139" spans="1:18" s="18" customFormat="1" ht="21" customHeight="1" x14ac:dyDescent="0.45">
      <c r="A139" s="42" t="s">
        <v>94</v>
      </c>
      <c r="B139" s="42" t="s">
        <v>1391</v>
      </c>
      <c r="C139" s="43" t="s">
        <v>1392</v>
      </c>
      <c r="D139" s="44" t="s">
        <v>284</v>
      </c>
      <c r="E139" s="45"/>
      <c r="F139" s="45"/>
      <c r="G139" s="46"/>
      <c r="H139" s="44">
        <v>120</v>
      </c>
      <c r="I139" s="48">
        <v>1700</v>
      </c>
      <c r="J139" s="48">
        <v>680</v>
      </c>
      <c r="K139" s="49">
        <v>4</v>
      </c>
      <c r="L139" s="45">
        <v>135</v>
      </c>
      <c r="M139" s="45">
        <v>235</v>
      </c>
      <c r="N139" s="45">
        <v>42</v>
      </c>
      <c r="O139" s="45">
        <v>385</v>
      </c>
      <c r="P139" s="45"/>
      <c r="Q139" s="52"/>
      <c r="R139" s="51"/>
    </row>
    <row r="140" spans="1:18" s="18" customFormat="1" ht="21" customHeight="1" x14ac:dyDescent="0.45">
      <c r="A140" s="42" t="s">
        <v>94</v>
      </c>
      <c r="B140" s="42" t="s">
        <v>1393</v>
      </c>
      <c r="C140" s="43" t="s">
        <v>1392</v>
      </c>
      <c r="D140" s="44" t="s">
        <v>284</v>
      </c>
      <c r="E140" s="45"/>
      <c r="F140" s="45"/>
      <c r="G140" s="46"/>
      <c r="H140" s="44">
        <v>140</v>
      </c>
      <c r="I140" s="48">
        <v>1950</v>
      </c>
      <c r="J140" s="48">
        <v>930</v>
      </c>
      <c r="K140" s="49">
        <v>4</v>
      </c>
      <c r="L140" s="45">
        <v>225</v>
      </c>
      <c r="M140" s="45">
        <v>420</v>
      </c>
      <c r="N140" s="45">
        <v>42</v>
      </c>
      <c r="O140" s="45">
        <v>790</v>
      </c>
      <c r="P140" s="45"/>
      <c r="Q140" s="52"/>
      <c r="R140" s="51"/>
    </row>
    <row r="141" spans="1:18" s="18" customFormat="1" ht="28.8" x14ac:dyDescent="0.45">
      <c r="A141" s="42" t="s">
        <v>94</v>
      </c>
      <c r="B141" s="42" t="s">
        <v>1394</v>
      </c>
      <c r="C141" s="43" t="s">
        <v>1392</v>
      </c>
      <c r="D141" s="44" t="s">
        <v>284</v>
      </c>
      <c r="E141" s="45"/>
      <c r="F141" s="45"/>
      <c r="G141" s="46"/>
      <c r="H141" s="44"/>
      <c r="I141" s="48">
        <v>1950</v>
      </c>
      <c r="J141" s="48" t="s">
        <v>1395</v>
      </c>
      <c r="K141" s="49"/>
      <c r="L141" s="45">
        <v>225</v>
      </c>
      <c r="M141" s="45">
        <v>420</v>
      </c>
      <c r="N141" s="45"/>
      <c r="O141" s="45"/>
      <c r="P141" s="45"/>
      <c r="Q141" s="52"/>
      <c r="R141" s="51"/>
    </row>
    <row r="142" spans="1:18" s="18" customFormat="1" ht="21" customHeight="1" x14ac:dyDescent="0.45">
      <c r="A142" s="42" t="s">
        <v>94</v>
      </c>
      <c r="B142" s="42" t="s">
        <v>1601</v>
      </c>
      <c r="C142" s="43" t="s">
        <v>723</v>
      </c>
      <c r="D142" s="44"/>
      <c r="E142" s="45" t="s">
        <v>279</v>
      </c>
      <c r="F142" s="45"/>
      <c r="G142" s="46"/>
      <c r="H142" s="44">
        <v>120</v>
      </c>
      <c r="I142" s="45">
        <v>1700</v>
      </c>
      <c r="J142" s="48">
        <v>680</v>
      </c>
      <c r="K142" s="49">
        <v>4</v>
      </c>
      <c r="L142" s="45">
        <v>135</v>
      </c>
      <c r="M142" s="45">
        <v>235</v>
      </c>
      <c r="N142" s="45">
        <v>42</v>
      </c>
      <c r="O142" s="45">
        <v>385</v>
      </c>
      <c r="P142" s="45"/>
      <c r="Q142" s="52"/>
      <c r="R142" s="51" t="s">
        <v>1011</v>
      </c>
    </row>
    <row r="143" spans="1:18" s="15" customFormat="1" ht="21" customHeight="1" x14ac:dyDescent="0.45">
      <c r="A143" s="42" t="s">
        <v>95</v>
      </c>
      <c r="B143" s="42" t="s">
        <v>604</v>
      </c>
      <c r="C143" s="43" t="s">
        <v>1321</v>
      </c>
      <c r="D143" s="44" t="s">
        <v>284</v>
      </c>
      <c r="E143" s="45"/>
      <c r="F143" s="45"/>
      <c r="G143" s="46" t="s">
        <v>279</v>
      </c>
      <c r="H143" s="44">
        <v>175</v>
      </c>
      <c r="I143" s="45"/>
      <c r="J143" s="48" t="s">
        <v>434</v>
      </c>
      <c r="K143" s="49">
        <v>6.5</v>
      </c>
      <c r="L143" s="45"/>
      <c r="M143" s="45"/>
      <c r="N143" s="45">
        <v>79</v>
      </c>
      <c r="O143" s="45"/>
      <c r="P143" s="45"/>
      <c r="Q143" s="52"/>
      <c r="R143" s="51" t="s">
        <v>888</v>
      </c>
    </row>
    <row r="144" spans="1:18" s="15" customFormat="1" ht="38.4" x14ac:dyDescent="0.45">
      <c r="A144" s="42" t="s">
        <v>96</v>
      </c>
      <c r="B144" s="42" t="s">
        <v>303</v>
      </c>
      <c r="C144" s="43" t="s">
        <v>400</v>
      </c>
      <c r="D144" s="44"/>
      <c r="E144" s="45" t="s">
        <v>279</v>
      </c>
      <c r="F144" s="45"/>
      <c r="G144" s="46"/>
      <c r="H144" s="47" t="s">
        <v>1236</v>
      </c>
      <c r="I144" s="45">
        <v>1950</v>
      </c>
      <c r="J144" s="48" t="s">
        <v>1216</v>
      </c>
      <c r="K144" s="49">
        <v>4</v>
      </c>
      <c r="L144" s="45">
        <v>225</v>
      </c>
      <c r="M144" s="45">
        <v>420</v>
      </c>
      <c r="N144" s="45">
        <v>42</v>
      </c>
      <c r="O144" s="45">
        <v>790</v>
      </c>
      <c r="P144" s="45"/>
      <c r="Q144" s="52" t="s">
        <v>1215</v>
      </c>
      <c r="R144" s="51" t="s">
        <v>1602</v>
      </c>
    </row>
    <row r="145" spans="1:18" s="15" customFormat="1" ht="38.4" x14ac:dyDescent="0.45">
      <c r="A145" s="42" t="s">
        <v>605</v>
      </c>
      <c r="B145" s="42" t="s">
        <v>484</v>
      </c>
      <c r="C145" s="43" t="s">
        <v>1237</v>
      </c>
      <c r="D145" s="44"/>
      <c r="E145" s="48" t="s">
        <v>890</v>
      </c>
      <c r="F145" s="45"/>
      <c r="G145" s="46"/>
      <c r="H145" s="44">
        <v>120</v>
      </c>
      <c r="I145" s="45">
        <v>1700</v>
      </c>
      <c r="J145" s="48">
        <v>680</v>
      </c>
      <c r="K145" s="49">
        <v>4</v>
      </c>
      <c r="L145" s="45">
        <v>135</v>
      </c>
      <c r="M145" s="45">
        <v>235</v>
      </c>
      <c r="N145" s="45">
        <v>42</v>
      </c>
      <c r="O145" s="54"/>
      <c r="P145" s="45"/>
      <c r="Q145" s="52"/>
      <c r="R145" s="51" t="s">
        <v>1603</v>
      </c>
    </row>
    <row r="146" spans="1:18" s="15" customFormat="1" ht="31.5" customHeight="1" x14ac:dyDescent="0.45">
      <c r="A146" s="42" t="s">
        <v>1404</v>
      </c>
      <c r="B146" s="42" t="s">
        <v>280</v>
      </c>
      <c r="C146" s="55" t="s">
        <v>889</v>
      </c>
      <c r="D146" s="44"/>
      <c r="E146" s="45" t="s">
        <v>279</v>
      </c>
      <c r="F146" s="45"/>
      <c r="G146" s="46"/>
      <c r="H146" s="44"/>
      <c r="I146" s="45">
        <v>1950</v>
      </c>
      <c r="J146" s="48" t="s">
        <v>1013</v>
      </c>
      <c r="K146" s="49"/>
      <c r="L146" s="45">
        <v>225</v>
      </c>
      <c r="M146" s="45">
        <v>420</v>
      </c>
      <c r="N146" s="45"/>
      <c r="O146" s="45"/>
      <c r="P146" s="45"/>
      <c r="Q146" s="52"/>
      <c r="R146" s="51" t="s">
        <v>807</v>
      </c>
    </row>
    <row r="147" spans="1:18" s="15" customFormat="1" ht="31.5" customHeight="1" x14ac:dyDescent="0.45">
      <c r="A147" s="42" t="s">
        <v>97</v>
      </c>
      <c r="B147" s="42" t="s">
        <v>281</v>
      </c>
      <c r="C147" s="43" t="s">
        <v>282</v>
      </c>
      <c r="D147" s="44"/>
      <c r="E147" s="45" t="s">
        <v>279</v>
      </c>
      <c r="F147" s="45"/>
      <c r="G147" s="46"/>
      <c r="H147" s="44">
        <v>150</v>
      </c>
      <c r="I147" s="45">
        <v>2125</v>
      </c>
      <c r="J147" s="48" t="s">
        <v>1325</v>
      </c>
      <c r="K147" s="49">
        <v>4.5</v>
      </c>
      <c r="L147" s="45">
        <v>267</v>
      </c>
      <c r="M147" s="45">
        <v>508</v>
      </c>
      <c r="N147" s="45">
        <v>57</v>
      </c>
      <c r="O147" s="45"/>
      <c r="P147" s="45">
        <v>665</v>
      </c>
      <c r="Q147" s="52"/>
      <c r="R147" s="51" t="s">
        <v>808</v>
      </c>
    </row>
    <row r="148" spans="1:18" s="15" customFormat="1" ht="19.2" x14ac:dyDescent="0.45">
      <c r="A148" s="42" t="s">
        <v>142</v>
      </c>
      <c r="B148" s="42" t="s">
        <v>1382</v>
      </c>
      <c r="C148" s="43" t="s">
        <v>1383</v>
      </c>
      <c r="D148" s="44" t="s">
        <v>284</v>
      </c>
      <c r="E148" s="45" t="s">
        <v>1384</v>
      </c>
      <c r="F148" s="45"/>
      <c r="G148" s="46"/>
      <c r="H148" s="44"/>
      <c r="I148" s="45" t="s">
        <v>1385</v>
      </c>
      <c r="J148" s="48">
        <v>680</v>
      </c>
      <c r="K148" s="49"/>
      <c r="L148" s="45"/>
      <c r="M148" s="45"/>
      <c r="N148" s="45"/>
      <c r="O148" s="45"/>
      <c r="P148" s="45"/>
      <c r="Q148" s="52"/>
      <c r="R148" s="51" t="s">
        <v>1411</v>
      </c>
    </row>
    <row r="149" spans="1:18" s="15" customFormat="1" ht="31.5" customHeight="1" x14ac:dyDescent="0.45">
      <c r="A149" s="42" t="s">
        <v>485</v>
      </c>
      <c r="B149" s="42" t="s">
        <v>350</v>
      </c>
      <c r="C149" s="43" t="s">
        <v>1604</v>
      </c>
      <c r="D149" s="44"/>
      <c r="E149" s="45" t="s">
        <v>279</v>
      </c>
      <c r="F149" s="45"/>
      <c r="G149" s="46"/>
      <c r="H149" s="44"/>
      <c r="I149" s="45">
        <v>1728</v>
      </c>
      <c r="J149" s="48">
        <v>810</v>
      </c>
      <c r="K149" s="49">
        <v>4.5</v>
      </c>
      <c r="L149" s="45">
        <v>188</v>
      </c>
      <c r="M149" s="45">
        <v>345</v>
      </c>
      <c r="N149" s="45">
        <v>42</v>
      </c>
      <c r="O149" s="45"/>
      <c r="P149" s="45"/>
      <c r="Q149" s="52"/>
      <c r="R149" s="51" t="s">
        <v>1605</v>
      </c>
    </row>
    <row r="150" spans="1:18" s="15" customFormat="1" ht="38.4" x14ac:dyDescent="0.45">
      <c r="A150" s="42" t="s">
        <v>99</v>
      </c>
      <c r="B150" s="42" t="s">
        <v>303</v>
      </c>
      <c r="C150" s="43" t="s">
        <v>1446</v>
      </c>
      <c r="D150" s="44" t="s">
        <v>284</v>
      </c>
      <c r="E150" s="45" t="s">
        <v>287</v>
      </c>
      <c r="F150" s="45"/>
      <c r="G150" s="46"/>
      <c r="H150" s="44">
        <v>140</v>
      </c>
      <c r="I150" s="48">
        <v>1950</v>
      </c>
      <c r="J150" s="48">
        <v>930</v>
      </c>
      <c r="K150" s="49">
        <v>4</v>
      </c>
      <c r="L150" s="45">
        <v>225</v>
      </c>
      <c r="M150" s="45">
        <v>420</v>
      </c>
      <c r="N150" s="45">
        <v>42</v>
      </c>
      <c r="O150" s="45">
        <v>1150</v>
      </c>
      <c r="P150" s="45"/>
      <c r="Q150" s="52"/>
      <c r="R150" s="51" t="s">
        <v>1238</v>
      </c>
    </row>
    <row r="151" spans="1:18" s="15" customFormat="1" ht="28.8" x14ac:dyDescent="0.45">
      <c r="A151" s="42" t="s">
        <v>99</v>
      </c>
      <c r="B151" s="42" t="s">
        <v>303</v>
      </c>
      <c r="C151" s="43" t="s">
        <v>1463</v>
      </c>
      <c r="D151" s="44"/>
      <c r="E151" s="45" t="s">
        <v>279</v>
      </c>
      <c r="F151" s="45"/>
      <c r="G151" s="46"/>
      <c r="H151" s="44">
        <v>140</v>
      </c>
      <c r="I151" s="48">
        <v>1950</v>
      </c>
      <c r="J151" s="48">
        <v>930</v>
      </c>
      <c r="K151" s="49">
        <v>4</v>
      </c>
      <c r="L151" s="45">
        <v>225</v>
      </c>
      <c r="M151" s="45">
        <v>420</v>
      </c>
      <c r="N151" s="45">
        <v>42</v>
      </c>
      <c r="O151" s="45">
        <v>1150</v>
      </c>
      <c r="P151" s="45"/>
      <c r="Q151" s="52"/>
      <c r="R151" s="51" t="s">
        <v>1606</v>
      </c>
    </row>
    <row r="152" spans="1:18" s="15" customFormat="1" ht="30" customHeight="1" x14ac:dyDescent="0.45">
      <c r="A152" s="29" t="s">
        <v>100</v>
      </c>
      <c r="B152" s="29" t="s">
        <v>303</v>
      </c>
      <c r="C152" s="30" t="s">
        <v>1607</v>
      </c>
      <c r="D152" s="31"/>
      <c r="E152" s="34" t="s">
        <v>524</v>
      </c>
      <c r="F152" s="32"/>
      <c r="G152" s="33"/>
      <c r="H152" s="39"/>
      <c r="I152" s="32" t="s">
        <v>423</v>
      </c>
      <c r="J152" s="34"/>
      <c r="K152" s="35"/>
      <c r="L152" s="32"/>
      <c r="M152" s="32"/>
      <c r="N152" s="32"/>
      <c r="O152" s="32"/>
      <c r="P152" s="32"/>
      <c r="Q152" s="41"/>
      <c r="R152" s="37" t="s">
        <v>1283</v>
      </c>
    </row>
    <row r="153" spans="1:18" s="15" customFormat="1" ht="19.2" x14ac:dyDescent="0.45">
      <c r="A153" s="29" t="s">
        <v>100</v>
      </c>
      <c r="B153" s="29" t="s">
        <v>303</v>
      </c>
      <c r="C153" s="30" t="s">
        <v>1608</v>
      </c>
      <c r="D153" s="31" t="s">
        <v>284</v>
      </c>
      <c r="E153" s="32"/>
      <c r="F153" s="32"/>
      <c r="G153" s="33"/>
      <c r="H153" s="39">
        <v>140</v>
      </c>
      <c r="I153" s="32">
        <v>1980</v>
      </c>
      <c r="J153" s="34">
        <v>930</v>
      </c>
      <c r="K153" s="35">
        <v>4</v>
      </c>
      <c r="L153" s="32">
        <v>225</v>
      </c>
      <c r="M153" s="32"/>
      <c r="N153" s="32">
        <v>42</v>
      </c>
      <c r="O153" s="32">
        <v>790</v>
      </c>
      <c r="P153" s="32"/>
      <c r="Q153" s="41" t="s">
        <v>423</v>
      </c>
      <c r="R153" s="37"/>
    </row>
    <row r="154" spans="1:18" s="15" customFormat="1" ht="31.5" customHeight="1" x14ac:dyDescent="0.45">
      <c r="A154" s="29" t="s">
        <v>846</v>
      </c>
      <c r="B154" s="29" t="s">
        <v>847</v>
      </c>
      <c r="C154" s="30" t="s">
        <v>310</v>
      </c>
      <c r="D154" s="31"/>
      <c r="E154" s="32" t="s">
        <v>279</v>
      </c>
      <c r="F154" s="32"/>
      <c r="G154" s="33"/>
      <c r="H154" s="31">
        <v>120</v>
      </c>
      <c r="I154" s="32">
        <v>1700</v>
      </c>
      <c r="J154" s="34" t="s">
        <v>1155</v>
      </c>
      <c r="K154" s="35">
        <v>4</v>
      </c>
      <c r="L154" s="32">
        <v>135</v>
      </c>
      <c r="M154" s="32">
        <v>235</v>
      </c>
      <c r="N154" s="32">
        <v>42</v>
      </c>
      <c r="O154" s="32">
        <v>625</v>
      </c>
      <c r="P154" s="32"/>
      <c r="Q154" s="36"/>
      <c r="R154" s="37" t="s">
        <v>1173</v>
      </c>
    </row>
    <row r="155" spans="1:18" s="18" customFormat="1" ht="21" customHeight="1" x14ac:dyDescent="0.45">
      <c r="A155" s="29" t="s">
        <v>846</v>
      </c>
      <c r="B155" s="29" t="s">
        <v>413</v>
      </c>
      <c r="C155" s="30" t="s">
        <v>750</v>
      </c>
      <c r="D155" s="31" t="s">
        <v>284</v>
      </c>
      <c r="E155" s="32" t="s">
        <v>287</v>
      </c>
      <c r="F155" s="32"/>
      <c r="G155" s="33"/>
      <c r="H155" s="31">
        <v>140</v>
      </c>
      <c r="I155" s="32">
        <v>1980</v>
      </c>
      <c r="J155" s="34" t="s">
        <v>1007</v>
      </c>
      <c r="K155" s="35">
        <v>4</v>
      </c>
      <c r="L155" s="32">
        <v>225</v>
      </c>
      <c r="M155" s="32">
        <v>420</v>
      </c>
      <c r="N155" s="32">
        <v>42</v>
      </c>
      <c r="O155" s="32"/>
      <c r="P155" s="32"/>
      <c r="Q155" s="36"/>
      <c r="R155" s="37" t="s">
        <v>891</v>
      </c>
    </row>
    <row r="156" spans="1:18" s="18" customFormat="1" ht="13.2" x14ac:dyDescent="0.45">
      <c r="A156" s="29" t="s">
        <v>101</v>
      </c>
      <c r="B156" s="29" t="s">
        <v>350</v>
      </c>
      <c r="C156" s="30" t="s">
        <v>895</v>
      </c>
      <c r="D156" s="31" t="s">
        <v>608</v>
      </c>
      <c r="E156" s="32" t="s">
        <v>391</v>
      </c>
      <c r="F156" s="32"/>
      <c r="G156" s="33"/>
      <c r="H156" s="31"/>
      <c r="I156" s="32"/>
      <c r="J156" s="32"/>
      <c r="K156" s="35"/>
      <c r="L156" s="32" t="s">
        <v>311</v>
      </c>
      <c r="M156" s="32" t="s">
        <v>311</v>
      </c>
      <c r="N156" s="32"/>
      <c r="O156" s="32"/>
      <c r="P156" s="32"/>
      <c r="Q156" s="36"/>
      <c r="R156" s="37" t="s">
        <v>921</v>
      </c>
    </row>
    <row r="157" spans="1:18" s="18" customFormat="1" ht="21" customHeight="1" x14ac:dyDescent="0.45">
      <c r="A157" s="29" t="s">
        <v>101</v>
      </c>
      <c r="B157" s="29" t="s">
        <v>350</v>
      </c>
      <c r="C157" s="38" t="s">
        <v>892</v>
      </c>
      <c r="D157" s="31"/>
      <c r="E157" s="32" t="s">
        <v>279</v>
      </c>
      <c r="F157" s="32"/>
      <c r="G157" s="33"/>
      <c r="H157" s="39" t="s">
        <v>857</v>
      </c>
      <c r="I157" s="32">
        <v>1700</v>
      </c>
      <c r="J157" s="32">
        <v>680</v>
      </c>
      <c r="K157" s="35">
        <v>4</v>
      </c>
      <c r="L157" s="32">
        <v>135</v>
      </c>
      <c r="M157" s="32">
        <v>235</v>
      </c>
      <c r="N157" s="32">
        <v>42</v>
      </c>
      <c r="O157" s="32"/>
      <c r="P157" s="32"/>
      <c r="Q157" s="36"/>
      <c r="R157" s="37" t="s">
        <v>1609</v>
      </c>
    </row>
    <row r="158" spans="1:18" s="15" customFormat="1" ht="31.5" customHeight="1" x14ac:dyDescent="0.45">
      <c r="A158" s="29" t="s">
        <v>101</v>
      </c>
      <c r="B158" s="29" t="s">
        <v>350</v>
      </c>
      <c r="C158" s="30" t="s">
        <v>893</v>
      </c>
      <c r="D158" s="31"/>
      <c r="E158" s="32" t="s">
        <v>279</v>
      </c>
      <c r="F158" s="32"/>
      <c r="G158" s="33"/>
      <c r="H158" s="39" t="s">
        <v>858</v>
      </c>
      <c r="I158" s="32">
        <v>2300</v>
      </c>
      <c r="J158" s="32">
        <v>1180</v>
      </c>
      <c r="K158" s="35">
        <v>5.5</v>
      </c>
      <c r="L158" s="32">
        <v>309</v>
      </c>
      <c r="M158" s="32">
        <v>600</v>
      </c>
      <c r="N158" s="32">
        <v>72</v>
      </c>
      <c r="O158" s="32"/>
      <c r="P158" s="32"/>
      <c r="Q158" s="36"/>
      <c r="R158" s="37" t="s">
        <v>894</v>
      </c>
    </row>
    <row r="159" spans="1:18" s="18" customFormat="1" ht="21" customHeight="1" x14ac:dyDescent="0.45">
      <c r="A159" s="29" t="s">
        <v>103</v>
      </c>
      <c r="B159" s="29" t="s">
        <v>350</v>
      </c>
      <c r="C159" s="30" t="s">
        <v>705</v>
      </c>
      <c r="D159" s="31" t="s">
        <v>402</v>
      </c>
      <c r="E159" s="32"/>
      <c r="F159" s="32"/>
      <c r="G159" s="33"/>
      <c r="H159" s="31">
        <v>140</v>
      </c>
      <c r="I159" s="32">
        <v>1950</v>
      </c>
      <c r="J159" s="32">
        <v>930</v>
      </c>
      <c r="K159" s="35">
        <v>4</v>
      </c>
      <c r="L159" s="32">
        <v>225</v>
      </c>
      <c r="M159" s="32">
        <v>420</v>
      </c>
      <c r="N159" s="32">
        <v>42</v>
      </c>
      <c r="O159" s="32"/>
      <c r="P159" s="32"/>
      <c r="Q159" s="36"/>
      <c r="R159" s="37"/>
    </row>
    <row r="160" spans="1:18" s="18" customFormat="1" ht="38.4" x14ac:dyDescent="0.45">
      <c r="A160" s="29" t="s">
        <v>104</v>
      </c>
      <c r="B160" s="29" t="s">
        <v>1388</v>
      </c>
      <c r="C160" s="30" t="s">
        <v>1389</v>
      </c>
      <c r="D160" s="31"/>
      <c r="E160" s="32"/>
      <c r="F160" s="32"/>
      <c r="G160" s="33" t="s">
        <v>279</v>
      </c>
      <c r="H160" s="31"/>
      <c r="I160" s="32" t="s">
        <v>341</v>
      </c>
      <c r="J160" s="34" t="s">
        <v>1501</v>
      </c>
      <c r="K160" s="35"/>
      <c r="L160" s="32">
        <v>135</v>
      </c>
      <c r="M160" s="32"/>
      <c r="N160" s="32">
        <v>42</v>
      </c>
      <c r="O160" s="32">
        <v>625</v>
      </c>
      <c r="P160" s="32"/>
      <c r="Q160" s="36"/>
      <c r="R160" s="37" t="s">
        <v>1390</v>
      </c>
    </row>
    <row r="161" spans="1:18" s="18" customFormat="1" ht="28.8" x14ac:dyDescent="0.45">
      <c r="A161" s="29" t="s">
        <v>144</v>
      </c>
      <c r="B161" s="29" t="s">
        <v>584</v>
      </c>
      <c r="C161" s="30" t="s">
        <v>1051</v>
      </c>
      <c r="D161" s="31"/>
      <c r="E161" s="32" t="s">
        <v>1052</v>
      </c>
      <c r="F161" s="32"/>
      <c r="G161" s="33"/>
      <c r="H161" s="31">
        <v>120</v>
      </c>
      <c r="I161" s="32">
        <v>1700</v>
      </c>
      <c r="J161" s="34" t="s">
        <v>987</v>
      </c>
      <c r="K161" s="35">
        <v>4</v>
      </c>
      <c r="L161" s="32">
        <v>135</v>
      </c>
      <c r="M161" s="32">
        <v>235</v>
      </c>
      <c r="N161" s="32">
        <v>42</v>
      </c>
      <c r="O161" s="32">
        <v>625</v>
      </c>
      <c r="P161" s="32"/>
      <c r="Q161" s="36"/>
      <c r="R161" s="37" t="s">
        <v>1610</v>
      </c>
    </row>
    <row r="162" spans="1:18" s="15" customFormat="1" ht="42" customHeight="1" x14ac:dyDescent="0.45">
      <c r="A162" s="29" t="s">
        <v>98</v>
      </c>
      <c r="B162" s="29" t="s">
        <v>398</v>
      </c>
      <c r="C162" s="30" t="s">
        <v>1611</v>
      </c>
      <c r="D162" s="31"/>
      <c r="E162" s="32" t="s">
        <v>279</v>
      </c>
      <c r="F162" s="32"/>
      <c r="G162" s="33"/>
      <c r="H162" s="31">
        <v>140</v>
      </c>
      <c r="I162" s="32">
        <v>1950</v>
      </c>
      <c r="J162" s="34" t="s">
        <v>1013</v>
      </c>
      <c r="K162" s="35">
        <v>4</v>
      </c>
      <c r="L162" s="32">
        <v>225</v>
      </c>
      <c r="M162" s="32">
        <v>420</v>
      </c>
      <c r="N162" s="32">
        <v>42</v>
      </c>
      <c r="O162" s="32">
        <v>790</v>
      </c>
      <c r="P162" s="32">
        <v>550</v>
      </c>
      <c r="Q162" s="36"/>
      <c r="R162" s="37" t="s">
        <v>1195</v>
      </c>
    </row>
    <row r="163" spans="1:18" s="15" customFormat="1" ht="31.5" customHeight="1" x14ac:dyDescent="0.45">
      <c r="A163" s="29" t="s">
        <v>98</v>
      </c>
      <c r="B163" s="29" t="s">
        <v>1018</v>
      </c>
      <c r="C163" s="30" t="s">
        <v>1019</v>
      </c>
      <c r="D163" s="31" t="s">
        <v>1020</v>
      </c>
      <c r="E163" s="32" t="s">
        <v>287</v>
      </c>
      <c r="F163" s="32"/>
      <c r="G163" s="33"/>
      <c r="H163" s="31">
        <v>140</v>
      </c>
      <c r="I163" s="32">
        <v>1950</v>
      </c>
      <c r="J163" s="34" t="s">
        <v>1013</v>
      </c>
      <c r="K163" s="35">
        <v>4</v>
      </c>
      <c r="L163" s="32">
        <v>225</v>
      </c>
      <c r="M163" s="32">
        <v>420</v>
      </c>
      <c r="N163" s="32">
        <v>42</v>
      </c>
      <c r="O163" s="32">
        <v>790</v>
      </c>
      <c r="P163" s="32">
        <v>550</v>
      </c>
      <c r="Q163" s="36"/>
      <c r="R163" s="37" t="s">
        <v>1612</v>
      </c>
    </row>
    <row r="164" spans="1:18" s="15" customFormat="1" ht="25.2" customHeight="1" x14ac:dyDescent="0.45">
      <c r="A164" s="29" t="s">
        <v>102</v>
      </c>
      <c r="B164" s="29" t="s">
        <v>1343</v>
      </c>
      <c r="C164" s="30" t="s">
        <v>1344</v>
      </c>
      <c r="D164" s="31"/>
      <c r="E164" s="32" t="s">
        <v>279</v>
      </c>
      <c r="F164" s="32"/>
      <c r="G164" s="33"/>
      <c r="H164" s="31">
        <v>120</v>
      </c>
      <c r="I164" s="32">
        <v>1700</v>
      </c>
      <c r="J164" s="34">
        <v>690</v>
      </c>
      <c r="K164" s="35">
        <v>4</v>
      </c>
      <c r="L164" s="32">
        <v>135</v>
      </c>
      <c r="M164" s="32">
        <v>235</v>
      </c>
      <c r="N164" s="32">
        <v>42</v>
      </c>
      <c r="O164" s="32">
        <v>385</v>
      </c>
      <c r="P164" s="32"/>
      <c r="Q164" s="36" t="s">
        <v>423</v>
      </c>
      <c r="R164" s="37" t="s">
        <v>1500</v>
      </c>
    </row>
    <row r="165" spans="1:18" s="15" customFormat="1" ht="42" customHeight="1" x14ac:dyDescent="0.45">
      <c r="A165" s="29" t="s">
        <v>105</v>
      </c>
      <c r="B165" s="29" t="s">
        <v>836</v>
      </c>
      <c r="C165" s="30" t="s">
        <v>1002</v>
      </c>
      <c r="D165" s="31"/>
      <c r="E165" s="34" t="s">
        <v>524</v>
      </c>
      <c r="F165" s="32"/>
      <c r="G165" s="33"/>
      <c r="H165" s="31">
        <v>130</v>
      </c>
      <c r="I165" s="32">
        <v>1825</v>
      </c>
      <c r="J165" s="34" t="s">
        <v>1239</v>
      </c>
      <c r="K165" s="35">
        <v>4</v>
      </c>
      <c r="L165" s="32">
        <v>180</v>
      </c>
      <c r="M165" s="32"/>
      <c r="N165" s="32">
        <v>36</v>
      </c>
      <c r="O165" s="32">
        <v>600</v>
      </c>
      <c r="P165" s="32"/>
      <c r="Q165" s="36"/>
      <c r="R165" s="37" t="s">
        <v>1240</v>
      </c>
    </row>
    <row r="166" spans="1:18" s="18" customFormat="1" ht="28.8" x14ac:dyDescent="0.45">
      <c r="A166" s="29" t="s">
        <v>106</v>
      </c>
      <c r="B166" s="29" t="s">
        <v>525</v>
      </c>
      <c r="C166" s="30" t="s">
        <v>403</v>
      </c>
      <c r="D166" s="31"/>
      <c r="E166" s="32" t="s">
        <v>279</v>
      </c>
      <c r="F166" s="32"/>
      <c r="G166" s="33"/>
      <c r="H166" s="39" t="s">
        <v>764</v>
      </c>
      <c r="I166" s="34">
        <v>1950</v>
      </c>
      <c r="J166" s="34" t="s">
        <v>1013</v>
      </c>
      <c r="K166" s="40">
        <v>4</v>
      </c>
      <c r="L166" s="34">
        <v>225</v>
      </c>
      <c r="M166" s="34">
        <v>420</v>
      </c>
      <c r="N166" s="34">
        <v>42</v>
      </c>
      <c r="O166" s="34">
        <v>1150</v>
      </c>
      <c r="P166" s="34"/>
      <c r="Q166" s="36" t="s">
        <v>1327</v>
      </c>
      <c r="R166" s="37" t="s">
        <v>932</v>
      </c>
    </row>
    <row r="167" spans="1:18" s="18" customFormat="1" ht="28.8" x14ac:dyDescent="0.45">
      <c r="A167" s="29" t="s">
        <v>107</v>
      </c>
      <c r="B167" s="29" t="s">
        <v>303</v>
      </c>
      <c r="C167" s="30" t="s">
        <v>1613</v>
      </c>
      <c r="D167" s="31"/>
      <c r="E167" s="32" t="s">
        <v>287</v>
      </c>
      <c r="F167" s="32"/>
      <c r="G167" s="33"/>
      <c r="H167" s="31">
        <v>120</v>
      </c>
      <c r="I167" s="32">
        <v>1700</v>
      </c>
      <c r="J167" s="34" t="s">
        <v>1133</v>
      </c>
      <c r="K167" s="35">
        <v>4</v>
      </c>
      <c r="L167" s="32">
        <v>135</v>
      </c>
      <c r="M167" s="32">
        <v>235</v>
      </c>
      <c r="N167" s="32">
        <v>42</v>
      </c>
      <c r="O167" s="32"/>
      <c r="P167" s="32"/>
      <c r="Q167" s="36"/>
      <c r="R167" s="37" t="s">
        <v>1289</v>
      </c>
    </row>
    <row r="168" spans="1:18" s="18" customFormat="1" ht="42.6" customHeight="1" x14ac:dyDescent="0.45">
      <c r="A168" s="29" t="s">
        <v>108</v>
      </c>
      <c r="B168" s="29" t="s">
        <v>447</v>
      </c>
      <c r="C168" s="30" t="s">
        <v>821</v>
      </c>
      <c r="D168" s="31"/>
      <c r="E168" s="32" t="s">
        <v>279</v>
      </c>
      <c r="F168" s="32"/>
      <c r="G168" s="33"/>
      <c r="H168" s="31">
        <v>140</v>
      </c>
      <c r="I168" s="32">
        <v>2125</v>
      </c>
      <c r="J168" s="34" t="s">
        <v>747</v>
      </c>
      <c r="K168" s="35">
        <v>4.5</v>
      </c>
      <c r="L168" s="32">
        <v>225</v>
      </c>
      <c r="M168" s="32">
        <v>420</v>
      </c>
      <c r="N168" s="32">
        <v>57</v>
      </c>
      <c r="O168" s="32"/>
      <c r="P168" s="32"/>
      <c r="Q168" s="36"/>
      <c r="R168" s="37" t="s">
        <v>1614</v>
      </c>
    </row>
    <row r="169" spans="1:18" s="15" customFormat="1" ht="31.5" customHeight="1" x14ac:dyDescent="0.45">
      <c r="A169" s="29" t="s">
        <v>109</v>
      </c>
      <c r="B169" s="29" t="s">
        <v>538</v>
      </c>
      <c r="C169" s="30" t="s">
        <v>1241</v>
      </c>
      <c r="D169" s="31"/>
      <c r="E169" s="32" t="s">
        <v>279</v>
      </c>
      <c r="F169" s="32"/>
      <c r="G169" s="33"/>
      <c r="H169" s="39" t="s">
        <v>590</v>
      </c>
      <c r="I169" s="34">
        <v>1980</v>
      </c>
      <c r="J169" s="34" t="s">
        <v>1007</v>
      </c>
      <c r="K169" s="35">
        <v>4</v>
      </c>
      <c r="L169" s="32">
        <v>225</v>
      </c>
      <c r="M169" s="32">
        <v>420</v>
      </c>
      <c r="N169" s="32">
        <v>42</v>
      </c>
      <c r="O169" s="32">
        <v>740</v>
      </c>
      <c r="P169" s="32"/>
      <c r="Q169" s="36"/>
      <c r="R169" s="37" t="s">
        <v>1242</v>
      </c>
    </row>
    <row r="170" spans="1:18" s="15" customFormat="1" ht="31.5" customHeight="1" x14ac:dyDescent="0.45">
      <c r="A170" s="29" t="s">
        <v>110</v>
      </c>
      <c r="B170" s="29" t="s">
        <v>303</v>
      </c>
      <c r="C170" s="30" t="s">
        <v>837</v>
      </c>
      <c r="D170" s="31"/>
      <c r="E170" s="32" t="s">
        <v>279</v>
      </c>
      <c r="F170" s="32"/>
      <c r="G170" s="33"/>
      <c r="H170" s="31"/>
      <c r="I170" s="34">
        <v>1980</v>
      </c>
      <c r="J170" s="34">
        <v>930</v>
      </c>
      <c r="K170" s="35">
        <v>4.5</v>
      </c>
      <c r="L170" s="32"/>
      <c r="M170" s="32"/>
      <c r="N170" s="32">
        <v>54</v>
      </c>
      <c r="O170" s="32"/>
      <c r="P170" s="32">
        <v>550</v>
      </c>
      <c r="Q170" s="36"/>
      <c r="R170" s="37" t="s">
        <v>770</v>
      </c>
    </row>
    <row r="171" spans="1:18" s="18" customFormat="1" ht="21" customHeight="1" x14ac:dyDescent="0.45">
      <c r="A171" s="29" t="s">
        <v>112</v>
      </c>
      <c r="B171" s="29" t="s">
        <v>392</v>
      </c>
      <c r="C171" s="30" t="s">
        <v>310</v>
      </c>
      <c r="D171" s="31"/>
      <c r="E171" s="32" t="s">
        <v>279</v>
      </c>
      <c r="F171" s="32"/>
      <c r="G171" s="33"/>
      <c r="H171" s="31"/>
      <c r="I171" s="32">
        <v>1980</v>
      </c>
      <c r="J171" s="34" t="s">
        <v>532</v>
      </c>
      <c r="K171" s="35">
        <v>4.5</v>
      </c>
      <c r="L171" s="32">
        <v>225</v>
      </c>
      <c r="M171" s="32"/>
      <c r="N171" s="32"/>
      <c r="O171" s="32"/>
      <c r="P171" s="32"/>
      <c r="Q171" s="36"/>
      <c r="R171" s="37" t="s">
        <v>533</v>
      </c>
    </row>
    <row r="172" spans="1:18" s="15" customFormat="1" ht="31.5" customHeight="1" x14ac:dyDescent="0.45">
      <c r="A172" s="29" t="s">
        <v>111</v>
      </c>
      <c r="B172" s="30" t="s">
        <v>303</v>
      </c>
      <c r="C172" s="30" t="s">
        <v>1131</v>
      </c>
      <c r="D172" s="31"/>
      <c r="E172" s="32" t="s">
        <v>279</v>
      </c>
      <c r="F172" s="32"/>
      <c r="G172" s="33"/>
      <c r="H172" s="31">
        <v>140</v>
      </c>
      <c r="I172" s="32">
        <v>1728</v>
      </c>
      <c r="J172" s="34" t="s">
        <v>849</v>
      </c>
      <c r="K172" s="35"/>
      <c r="L172" s="32">
        <v>225</v>
      </c>
      <c r="M172" s="32"/>
      <c r="N172" s="32"/>
      <c r="O172" s="32"/>
      <c r="P172" s="32"/>
      <c r="Q172" s="36"/>
      <c r="R172" s="37" t="s">
        <v>1132</v>
      </c>
    </row>
    <row r="173" spans="1:18" s="15" customFormat="1" ht="28.8" x14ac:dyDescent="0.45">
      <c r="A173" s="29" t="s">
        <v>111</v>
      </c>
      <c r="B173" s="30" t="s">
        <v>528</v>
      </c>
      <c r="C173" s="30" t="s">
        <v>766</v>
      </c>
      <c r="D173" s="31" t="s">
        <v>284</v>
      </c>
      <c r="E173" s="32"/>
      <c r="F173" s="32"/>
      <c r="G173" s="33"/>
      <c r="H173" s="31"/>
      <c r="I173" s="32" t="s">
        <v>1130</v>
      </c>
      <c r="J173" s="32" t="s">
        <v>1130</v>
      </c>
      <c r="K173" s="32" t="s">
        <v>1130</v>
      </c>
      <c r="L173" s="32" t="s">
        <v>1130</v>
      </c>
      <c r="M173" s="32"/>
      <c r="N173" s="32"/>
      <c r="O173" s="32"/>
      <c r="P173" s="32"/>
      <c r="Q173" s="36"/>
      <c r="R173" s="37" t="s">
        <v>1096</v>
      </c>
    </row>
    <row r="174" spans="1:18" s="18" customFormat="1" ht="21" customHeight="1" x14ac:dyDescent="0.45">
      <c r="A174" s="29" t="s">
        <v>114</v>
      </c>
      <c r="B174" s="30" t="s">
        <v>992</v>
      </c>
      <c r="C174" s="30" t="s">
        <v>1439</v>
      </c>
      <c r="D174" s="31"/>
      <c r="E174" s="32" t="s">
        <v>279</v>
      </c>
      <c r="F174" s="32"/>
      <c r="G174" s="33"/>
      <c r="H174" s="31"/>
      <c r="I174" s="32">
        <v>1700</v>
      </c>
      <c r="J174" s="34"/>
      <c r="K174" s="35"/>
      <c r="L174" s="32">
        <v>135</v>
      </c>
      <c r="M174" s="32">
        <v>235</v>
      </c>
      <c r="N174" s="32"/>
      <c r="O174" s="32"/>
      <c r="P174" s="32"/>
      <c r="Q174" s="36"/>
      <c r="R174" s="37" t="s">
        <v>1097</v>
      </c>
    </row>
    <row r="175" spans="1:18" s="18" customFormat="1" ht="42.75" customHeight="1" x14ac:dyDescent="0.45">
      <c r="A175" s="29" t="s">
        <v>113</v>
      </c>
      <c r="B175" s="29" t="s">
        <v>350</v>
      </c>
      <c r="C175" s="30" t="s">
        <v>990</v>
      </c>
      <c r="D175" s="31"/>
      <c r="E175" s="32" t="s">
        <v>279</v>
      </c>
      <c r="F175" s="32"/>
      <c r="G175" s="33"/>
      <c r="H175" s="31"/>
      <c r="I175" s="32">
        <v>1728</v>
      </c>
      <c r="J175" s="34" t="s">
        <v>1112</v>
      </c>
      <c r="K175" s="35">
        <v>4</v>
      </c>
      <c r="L175" s="32">
        <v>225</v>
      </c>
      <c r="M175" s="32">
        <v>420</v>
      </c>
      <c r="N175" s="32">
        <v>42</v>
      </c>
      <c r="O175" s="32">
        <v>1150</v>
      </c>
      <c r="P175" s="32"/>
      <c r="Q175" s="36"/>
      <c r="R175" s="37" t="s">
        <v>1615</v>
      </c>
    </row>
    <row r="176" spans="1:18" s="18" customFormat="1" ht="28.8" x14ac:dyDescent="0.45">
      <c r="A176" s="29" t="s">
        <v>486</v>
      </c>
      <c r="B176" s="29" t="s">
        <v>350</v>
      </c>
      <c r="C176" s="30" t="s">
        <v>310</v>
      </c>
      <c r="D176" s="31"/>
      <c r="E176" s="34" t="s">
        <v>524</v>
      </c>
      <c r="F176" s="32"/>
      <c r="G176" s="33"/>
      <c r="H176" s="31">
        <v>120</v>
      </c>
      <c r="I176" s="34">
        <v>1728</v>
      </c>
      <c r="J176" s="34">
        <v>680</v>
      </c>
      <c r="K176" s="35">
        <v>4</v>
      </c>
      <c r="L176" s="32">
        <v>135</v>
      </c>
      <c r="M176" s="32">
        <v>235</v>
      </c>
      <c r="N176" s="32">
        <v>42</v>
      </c>
      <c r="O176" s="32"/>
      <c r="P176" s="32">
        <v>400</v>
      </c>
      <c r="Q176" s="41"/>
      <c r="R176" s="37" t="s">
        <v>1616</v>
      </c>
    </row>
    <row r="177" spans="1:18" s="15" customFormat="1" ht="28.8" x14ac:dyDescent="0.45">
      <c r="A177" s="29" t="s">
        <v>115</v>
      </c>
      <c r="B177" s="29" t="s">
        <v>291</v>
      </c>
      <c r="C177" s="38" t="s">
        <v>784</v>
      </c>
      <c r="D177" s="31" t="s">
        <v>284</v>
      </c>
      <c r="E177" s="32"/>
      <c r="F177" s="32"/>
      <c r="G177" s="33"/>
      <c r="H177" s="39" t="s">
        <v>716</v>
      </c>
      <c r="I177" s="32" t="s">
        <v>293</v>
      </c>
      <c r="J177" s="34" t="s">
        <v>1013</v>
      </c>
      <c r="K177" s="35">
        <v>4</v>
      </c>
      <c r="L177" s="32">
        <v>225</v>
      </c>
      <c r="M177" s="32">
        <v>420</v>
      </c>
      <c r="N177" s="32">
        <v>42</v>
      </c>
      <c r="O177" s="32">
        <v>1150</v>
      </c>
      <c r="P177" s="32"/>
      <c r="Q177" s="36"/>
      <c r="R177" s="37" t="s">
        <v>715</v>
      </c>
    </row>
    <row r="178" spans="1:18" s="18" customFormat="1" ht="28.8" x14ac:dyDescent="0.45">
      <c r="A178" s="29" t="s">
        <v>288</v>
      </c>
      <c r="B178" s="29" t="s">
        <v>292</v>
      </c>
      <c r="C178" s="38" t="s">
        <v>784</v>
      </c>
      <c r="D178" s="31" t="s">
        <v>284</v>
      </c>
      <c r="E178" s="32"/>
      <c r="F178" s="32"/>
      <c r="G178" s="33"/>
      <c r="H178" s="39" t="s">
        <v>717</v>
      </c>
      <c r="I178" s="32" t="s">
        <v>293</v>
      </c>
      <c r="J178" s="34" t="s">
        <v>1617</v>
      </c>
      <c r="K178" s="35">
        <v>4.5</v>
      </c>
      <c r="L178" s="32">
        <v>270</v>
      </c>
      <c r="M178" s="32">
        <v>535</v>
      </c>
      <c r="N178" s="32">
        <v>57</v>
      </c>
      <c r="O178" s="32">
        <v>1410</v>
      </c>
      <c r="P178" s="32"/>
      <c r="Q178" s="36"/>
      <c r="R178" s="37" t="s">
        <v>718</v>
      </c>
    </row>
    <row r="179" spans="1:18" s="15" customFormat="1" ht="31.5" customHeight="1" x14ac:dyDescent="0.45">
      <c r="A179" s="29" t="s">
        <v>288</v>
      </c>
      <c r="B179" s="29" t="s">
        <v>289</v>
      </c>
      <c r="C179" s="38" t="s">
        <v>784</v>
      </c>
      <c r="D179" s="31" t="s">
        <v>284</v>
      </c>
      <c r="E179" s="32" t="s">
        <v>290</v>
      </c>
      <c r="F179" s="32"/>
      <c r="G179" s="33"/>
      <c r="H179" s="39" t="s">
        <v>719</v>
      </c>
      <c r="I179" s="32">
        <v>2304</v>
      </c>
      <c r="J179" s="34" t="s">
        <v>1617</v>
      </c>
      <c r="K179" s="35">
        <v>4.5</v>
      </c>
      <c r="L179" s="32">
        <v>280</v>
      </c>
      <c r="M179" s="32">
        <v>470</v>
      </c>
      <c r="N179" s="32">
        <v>56</v>
      </c>
      <c r="O179" s="32">
        <v>790</v>
      </c>
      <c r="P179" s="63"/>
      <c r="Q179" s="36"/>
      <c r="R179" s="37" t="s">
        <v>1243</v>
      </c>
    </row>
    <row r="180" spans="1:18" s="15" customFormat="1" ht="31.5" customHeight="1" x14ac:dyDescent="0.45">
      <c r="A180" s="29" t="s">
        <v>288</v>
      </c>
      <c r="B180" s="29" t="s">
        <v>294</v>
      </c>
      <c r="C180" s="38" t="s">
        <v>784</v>
      </c>
      <c r="D180" s="31" t="s">
        <v>284</v>
      </c>
      <c r="E180" s="32" t="s">
        <v>295</v>
      </c>
      <c r="F180" s="32"/>
      <c r="G180" s="33"/>
      <c r="H180" s="31"/>
      <c r="I180" s="32">
        <v>1728</v>
      </c>
      <c r="J180" s="34" t="s">
        <v>1133</v>
      </c>
      <c r="K180" s="35"/>
      <c r="L180" s="32">
        <v>135</v>
      </c>
      <c r="M180" s="32">
        <v>235</v>
      </c>
      <c r="N180" s="32"/>
      <c r="O180" s="32"/>
      <c r="P180" s="32"/>
      <c r="Q180" s="36"/>
      <c r="R180" s="37" t="s">
        <v>1244</v>
      </c>
    </row>
    <row r="181" spans="1:18" s="15" customFormat="1" ht="52.5" customHeight="1" x14ac:dyDescent="0.45">
      <c r="A181" s="29" t="s">
        <v>115</v>
      </c>
      <c r="B181" s="29" t="s">
        <v>286</v>
      </c>
      <c r="C181" s="38" t="s">
        <v>784</v>
      </c>
      <c r="D181" s="31" t="s">
        <v>284</v>
      </c>
      <c r="E181" s="32" t="s">
        <v>287</v>
      </c>
      <c r="F181" s="32"/>
      <c r="G181" s="33"/>
      <c r="H181" s="39" t="s">
        <v>716</v>
      </c>
      <c r="I181" s="32">
        <v>1980</v>
      </c>
      <c r="J181" s="34" t="s">
        <v>1013</v>
      </c>
      <c r="K181" s="35">
        <v>4</v>
      </c>
      <c r="L181" s="32">
        <v>225</v>
      </c>
      <c r="M181" s="32">
        <v>420</v>
      </c>
      <c r="N181" s="32">
        <v>42</v>
      </c>
      <c r="O181" s="32">
        <v>790</v>
      </c>
      <c r="P181" s="32"/>
      <c r="Q181" s="36"/>
      <c r="R181" s="37" t="s">
        <v>1245</v>
      </c>
    </row>
    <row r="182" spans="1:18" s="15" customFormat="1" ht="31.5" customHeight="1" x14ac:dyDescent="0.45">
      <c r="A182" s="29" t="s">
        <v>115</v>
      </c>
      <c r="B182" s="29" t="s">
        <v>298</v>
      </c>
      <c r="C182" s="38" t="s">
        <v>784</v>
      </c>
      <c r="D182" s="31" t="s">
        <v>284</v>
      </c>
      <c r="E182" s="32"/>
      <c r="F182" s="32"/>
      <c r="G182" s="33"/>
      <c r="H182" s="39" t="s">
        <v>716</v>
      </c>
      <c r="I182" s="32">
        <v>2150</v>
      </c>
      <c r="J182" s="34" t="s">
        <v>1013</v>
      </c>
      <c r="K182" s="35">
        <v>4</v>
      </c>
      <c r="L182" s="32">
        <v>225</v>
      </c>
      <c r="M182" s="32"/>
      <c r="N182" s="32">
        <v>42</v>
      </c>
      <c r="O182" s="32">
        <v>790</v>
      </c>
      <c r="P182" s="32"/>
      <c r="Q182" s="36"/>
      <c r="R182" s="37" t="s">
        <v>1361</v>
      </c>
    </row>
    <row r="183" spans="1:18" s="18" customFormat="1" ht="42" customHeight="1" x14ac:dyDescent="0.45">
      <c r="A183" s="29" t="s">
        <v>115</v>
      </c>
      <c r="B183" s="29" t="s">
        <v>809</v>
      </c>
      <c r="C183" s="38" t="s">
        <v>784</v>
      </c>
      <c r="D183" s="31" t="s">
        <v>284</v>
      </c>
      <c r="E183" s="32"/>
      <c r="F183" s="32"/>
      <c r="G183" s="33"/>
      <c r="H183" s="39" t="s">
        <v>858</v>
      </c>
      <c r="I183" s="32">
        <v>2140</v>
      </c>
      <c r="J183" s="34">
        <v>1050</v>
      </c>
      <c r="K183" s="35">
        <v>5.5</v>
      </c>
      <c r="L183" s="32">
        <v>267</v>
      </c>
      <c r="M183" s="32">
        <v>545</v>
      </c>
      <c r="N183" s="32">
        <v>60</v>
      </c>
      <c r="O183" s="32"/>
      <c r="P183" s="32"/>
      <c r="Q183" s="36"/>
      <c r="R183" s="37" t="s">
        <v>933</v>
      </c>
    </row>
    <row r="184" spans="1:18" s="18" customFormat="1" ht="42" customHeight="1" x14ac:dyDescent="0.45">
      <c r="A184" s="29" t="s">
        <v>115</v>
      </c>
      <c r="B184" s="29" t="s">
        <v>810</v>
      </c>
      <c r="C184" s="38" t="s">
        <v>784</v>
      </c>
      <c r="D184" s="31" t="s">
        <v>284</v>
      </c>
      <c r="E184" s="32"/>
      <c r="F184" s="32"/>
      <c r="G184" s="33"/>
      <c r="H184" s="39" t="s">
        <v>858</v>
      </c>
      <c r="I184" s="32">
        <v>2300</v>
      </c>
      <c r="J184" s="34">
        <v>1180</v>
      </c>
      <c r="K184" s="35">
        <v>5.5</v>
      </c>
      <c r="L184" s="32">
        <v>309</v>
      </c>
      <c r="M184" s="32">
        <v>620</v>
      </c>
      <c r="N184" s="32">
        <v>72</v>
      </c>
      <c r="O184" s="32"/>
      <c r="P184" s="32"/>
      <c r="Q184" s="36"/>
      <c r="R184" s="37" t="s">
        <v>934</v>
      </c>
    </row>
    <row r="185" spans="1:18" s="18" customFormat="1" ht="31.5" customHeight="1" x14ac:dyDescent="0.45">
      <c r="A185" s="29" t="s">
        <v>115</v>
      </c>
      <c r="B185" s="29" t="s">
        <v>283</v>
      </c>
      <c r="C185" s="38" t="s">
        <v>784</v>
      </c>
      <c r="D185" s="31" t="s">
        <v>284</v>
      </c>
      <c r="E185" s="32" t="s">
        <v>430</v>
      </c>
      <c r="F185" s="32"/>
      <c r="G185" s="33"/>
      <c r="H185" s="64"/>
      <c r="I185" s="32">
        <v>2067</v>
      </c>
      <c r="J185" s="34" t="s">
        <v>1617</v>
      </c>
      <c r="K185" s="35">
        <v>4.5</v>
      </c>
      <c r="L185" s="32">
        <v>250</v>
      </c>
      <c r="M185" s="32"/>
      <c r="N185" s="32">
        <v>54</v>
      </c>
      <c r="O185" s="32">
        <v>745</v>
      </c>
      <c r="P185" s="32"/>
      <c r="Q185" s="36"/>
      <c r="R185" s="37" t="s">
        <v>1618</v>
      </c>
    </row>
    <row r="186" spans="1:18" s="15" customFormat="1" ht="31.5" customHeight="1" x14ac:dyDescent="0.45">
      <c r="A186" s="29" t="s">
        <v>116</v>
      </c>
      <c r="B186" s="29" t="s">
        <v>1374</v>
      </c>
      <c r="C186" s="30" t="s">
        <v>1440</v>
      </c>
      <c r="D186" s="31" t="s">
        <v>537</v>
      </c>
      <c r="E186" s="32" t="s">
        <v>430</v>
      </c>
      <c r="F186" s="32"/>
      <c r="G186" s="33"/>
      <c r="H186" s="31"/>
      <c r="I186" s="32">
        <v>1950</v>
      </c>
      <c r="J186" s="34"/>
      <c r="K186" s="35"/>
      <c r="L186" s="32">
        <v>225</v>
      </c>
      <c r="M186" s="32">
        <v>420</v>
      </c>
      <c r="N186" s="32"/>
      <c r="O186" s="32"/>
      <c r="P186" s="32"/>
      <c r="Q186" s="36"/>
      <c r="R186" s="37" t="s">
        <v>1372</v>
      </c>
    </row>
    <row r="187" spans="1:18" s="15" customFormat="1" ht="14.25" customHeight="1" x14ac:dyDescent="0.45">
      <c r="A187" s="29" t="s">
        <v>116</v>
      </c>
      <c r="B187" s="29" t="s">
        <v>1375</v>
      </c>
      <c r="C187" s="30" t="s">
        <v>1440</v>
      </c>
      <c r="D187" s="31" t="s">
        <v>537</v>
      </c>
      <c r="E187" s="32"/>
      <c r="F187" s="32"/>
      <c r="G187" s="33"/>
      <c r="H187" s="31"/>
      <c r="I187" s="32">
        <v>1950</v>
      </c>
      <c r="J187" s="34"/>
      <c r="K187" s="35"/>
      <c r="L187" s="32">
        <v>225</v>
      </c>
      <c r="M187" s="32">
        <v>420</v>
      </c>
      <c r="N187" s="32"/>
      <c r="O187" s="32"/>
      <c r="P187" s="32"/>
      <c r="Q187" s="36"/>
      <c r="R187" s="37" t="s">
        <v>1373</v>
      </c>
    </row>
    <row r="188" spans="1:18" s="15" customFormat="1" ht="31.5" customHeight="1" x14ac:dyDescent="0.45">
      <c r="A188" s="29" t="s">
        <v>117</v>
      </c>
      <c r="B188" s="29" t="s">
        <v>881</v>
      </c>
      <c r="C188" s="30" t="s">
        <v>404</v>
      </c>
      <c r="D188" s="31"/>
      <c r="E188" s="32" t="s">
        <v>279</v>
      </c>
      <c r="F188" s="32"/>
      <c r="G188" s="33"/>
      <c r="H188" s="31"/>
      <c r="I188" s="34">
        <v>1728</v>
      </c>
      <c r="J188" s="34" t="s">
        <v>1133</v>
      </c>
      <c r="K188" s="35">
        <v>4</v>
      </c>
      <c r="L188" s="34">
        <v>135</v>
      </c>
      <c r="M188" s="34"/>
      <c r="N188" s="34">
        <v>42</v>
      </c>
      <c r="O188" s="34"/>
      <c r="P188" s="32"/>
      <c r="Q188" s="36"/>
      <c r="R188" s="37" t="s">
        <v>931</v>
      </c>
    </row>
    <row r="189" spans="1:18" s="15" customFormat="1" ht="28.8" x14ac:dyDescent="0.45">
      <c r="A189" s="29" t="s">
        <v>117</v>
      </c>
      <c r="B189" s="29" t="s">
        <v>1355</v>
      </c>
      <c r="C189" s="30" t="s">
        <v>1441</v>
      </c>
      <c r="D189" s="31"/>
      <c r="E189" s="32" t="s">
        <v>279</v>
      </c>
      <c r="F189" s="32"/>
      <c r="G189" s="33"/>
      <c r="H189" s="31"/>
      <c r="I189" s="34">
        <v>1728</v>
      </c>
      <c r="J189" s="34" t="s">
        <v>1133</v>
      </c>
      <c r="K189" s="35">
        <v>4</v>
      </c>
      <c r="L189" s="34">
        <v>135</v>
      </c>
      <c r="M189" s="34"/>
      <c r="N189" s="34">
        <v>42</v>
      </c>
      <c r="O189" s="34"/>
      <c r="P189" s="32"/>
      <c r="Q189" s="36"/>
      <c r="R189" s="37" t="s">
        <v>1442</v>
      </c>
    </row>
    <row r="190" spans="1:18" s="18" customFormat="1" ht="31.5" customHeight="1" x14ac:dyDescent="0.45">
      <c r="A190" s="29" t="s">
        <v>164</v>
      </c>
      <c r="B190" s="29" t="s">
        <v>303</v>
      </c>
      <c r="C190" s="30" t="s">
        <v>746</v>
      </c>
      <c r="D190" s="31"/>
      <c r="E190" s="32"/>
      <c r="F190" s="32"/>
      <c r="G190" s="33" t="s">
        <v>15</v>
      </c>
      <c r="H190" s="31" t="s">
        <v>638</v>
      </c>
      <c r="I190" s="32" t="s">
        <v>301</v>
      </c>
      <c r="J190" s="34" t="s">
        <v>758</v>
      </c>
      <c r="K190" s="35">
        <v>4</v>
      </c>
      <c r="L190" s="32">
        <v>225</v>
      </c>
      <c r="M190" s="32">
        <v>420</v>
      </c>
      <c r="N190" s="32">
        <v>42</v>
      </c>
      <c r="O190" s="32">
        <v>780</v>
      </c>
      <c r="P190" s="32">
        <v>500</v>
      </c>
      <c r="Q190" s="36" t="s">
        <v>311</v>
      </c>
      <c r="R190" s="37" t="s">
        <v>1432</v>
      </c>
    </row>
    <row r="191" spans="1:18" s="18" customFormat="1" ht="21" customHeight="1" x14ac:dyDescent="0.45">
      <c r="A191" s="29" t="s">
        <v>80</v>
      </c>
      <c r="B191" s="29" t="s">
        <v>745</v>
      </c>
      <c r="C191" s="38" t="s">
        <v>746</v>
      </c>
      <c r="D191" s="31"/>
      <c r="E191" s="32"/>
      <c r="F191" s="32"/>
      <c r="G191" s="33" t="s">
        <v>448</v>
      </c>
      <c r="H191" s="39" t="s">
        <v>717</v>
      </c>
      <c r="I191" s="32" t="s">
        <v>736</v>
      </c>
      <c r="J191" s="34">
        <v>960</v>
      </c>
      <c r="K191" s="35">
        <v>4</v>
      </c>
      <c r="L191" s="32">
        <v>225</v>
      </c>
      <c r="M191" s="32">
        <v>420</v>
      </c>
      <c r="N191" s="32">
        <v>42</v>
      </c>
      <c r="O191" s="32">
        <v>790</v>
      </c>
      <c r="P191" s="32">
        <v>550</v>
      </c>
      <c r="Q191" s="36"/>
      <c r="R191" s="37" t="s">
        <v>1517</v>
      </c>
    </row>
    <row r="192" spans="1:18" s="15" customFormat="1" ht="19.2" x14ac:dyDescent="0.45">
      <c r="A192" s="29" t="s">
        <v>487</v>
      </c>
      <c r="B192" s="29" t="s">
        <v>488</v>
      </c>
      <c r="C192" s="30" t="s">
        <v>822</v>
      </c>
      <c r="D192" s="31"/>
      <c r="E192" s="32" t="s">
        <v>15</v>
      </c>
      <c r="F192" s="32"/>
      <c r="G192" s="33"/>
      <c r="H192" s="31"/>
      <c r="I192" s="32">
        <v>2150</v>
      </c>
      <c r="J192" s="34" t="s">
        <v>1443</v>
      </c>
      <c r="K192" s="35">
        <v>5</v>
      </c>
      <c r="L192" s="32">
        <v>276</v>
      </c>
      <c r="M192" s="32">
        <v>510</v>
      </c>
      <c r="N192" s="32">
        <v>61</v>
      </c>
      <c r="O192" s="32"/>
      <c r="P192" s="32"/>
      <c r="Q192" s="36"/>
      <c r="R192" s="37" t="s">
        <v>1447</v>
      </c>
    </row>
    <row r="193" spans="1:18" s="18" customFormat="1" ht="28.8" x14ac:dyDescent="0.45">
      <c r="A193" s="29" t="s">
        <v>118</v>
      </c>
      <c r="B193" s="29" t="s">
        <v>852</v>
      </c>
      <c r="C193" s="38" t="s">
        <v>628</v>
      </c>
      <c r="D193" s="31"/>
      <c r="E193" s="32" t="s">
        <v>279</v>
      </c>
      <c r="F193" s="32"/>
      <c r="G193" s="33"/>
      <c r="H193" s="31" t="s">
        <v>560</v>
      </c>
      <c r="I193" s="32" t="s">
        <v>561</v>
      </c>
      <c r="J193" s="34">
        <v>930</v>
      </c>
      <c r="K193" s="35">
        <v>4</v>
      </c>
      <c r="L193" s="32">
        <v>225</v>
      </c>
      <c r="M193" s="32">
        <v>420</v>
      </c>
      <c r="N193" s="32">
        <v>42</v>
      </c>
      <c r="O193" s="32">
        <v>730</v>
      </c>
      <c r="P193" s="32"/>
      <c r="Q193" s="36"/>
      <c r="R193" s="37" t="s">
        <v>1619</v>
      </c>
    </row>
    <row r="194" spans="1:18" s="18" customFormat="1" ht="19.2" x14ac:dyDescent="0.45">
      <c r="A194" s="29" t="s">
        <v>118</v>
      </c>
      <c r="B194" s="29" t="s">
        <v>842</v>
      </c>
      <c r="C194" s="38" t="s">
        <v>783</v>
      </c>
      <c r="D194" s="31" t="s">
        <v>393</v>
      </c>
      <c r="E194" s="32"/>
      <c r="F194" s="32"/>
      <c r="G194" s="33"/>
      <c r="H194" s="31">
        <v>145</v>
      </c>
      <c r="I194" s="34" t="s">
        <v>794</v>
      </c>
      <c r="J194" s="34">
        <v>1000</v>
      </c>
      <c r="K194" s="35">
        <v>4.5</v>
      </c>
      <c r="L194" s="32">
        <v>245</v>
      </c>
      <c r="M194" s="32">
        <v>460</v>
      </c>
      <c r="N194" s="32">
        <v>48</v>
      </c>
      <c r="O194" s="32"/>
      <c r="P194" s="32">
        <v>600</v>
      </c>
      <c r="Q194" s="36"/>
      <c r="R194" s="37"/>
    </row>
    <row r="195" spans="1:18" s="18" customFormat="1" ht="31.5" customHeight="1" x14ac:dyDescent="0.45">
      <c r="A195" s="29" t="s">
        <v>119</v>
      </c>
      <c r="B195" s="29" t="s">
        <v>449</v>
      </c>
      <c r="C195" s="30" t="s">
        <v>720</v>
      </c>
      <c r="D195" s="31"/>
      <c r="E195" s="32" t="s">
        <v>279</v>
      </c>
      <c r="F195" s="32"/>
      <c r="G195" s="33"/>
      <c r="H195" s="31">
        <v>120</v>
      </c>
      <c r="I195" s="32" t="s">
        <v>769</v>
      </c>
      <c r="J195" s="34" t="s">
        <v>987</v>
      </c>
      <c r="K195" s="56">
        <v>4</v>
      </c>
      <c r="L195" s="32">
        <v>135</v>
      </c>
      <c r="M195" s="32">
        <v>235</v>
      </c>
      <c r="N195" s="32">
        <v>42</v>
      </c>
      <c r="O195" s="32">
        <v>625</v>
      </c>
      <c r="P195" s="32"/>
      <c r="Q195" s="36" t="s">
        <v>311</v>
      </c>
      <c r="R195" s="37" t="s">
        <v>1620</v>
      </c>
    </row>
    <row r="196" spans="1:18" s="18" customFormat="1" ht="31.5" customHeight="1" x14ac:dyDescent="0.45">
      <c r="A196" s="29" t="s">
        <v>648</v>
      </c>
      <c r="B196" s="29" t="s">
        <v>1074</v>
      </c>
      <c r="C196" s="30" t="s">
        <v>724</v>
      </c>
      <c r="D196" s="31"/>
      <c r="E196" s="32" t="s">
        <v>279</v>
      </c>
      <c r="F196" s="32"/>
      <c r="G196" s="33"/>
      <c r="H196" s="31">
        <v>120</v>
      </c>
      <c r="I196" s="32" t="s">
        <v>623</v>
      </c>
      <c r="J196" s="34" t="s">
        <v>987</v>
      </c>
      <c r="K196" s="56">
        <v>4</v>
      </c>
      <c r="L196" s="32">
        <v>135</v>
      </c>
      <c r="M196" s="32">
        <v>235</v>
      </c>
      <c r="N196" s="32">
        <v>42</v>
      </c>
      <c r="O196" s="32">
        <v>625</v>
      </c>
      <c r="P196" s="32"/>
      <c r="Q196" s="36" t="s">
        <v>311</v>
      </c>
      <c r="R196" s="37" t="s">
        <v>1621</v>
      </c>
    </row>
    <row r="197" spans="1:18" s="15" customFormat="1" ht="21" customHeight="1" x14ac:dyDescent="0.45">
      <c r="A197" s="29" t="s">
        <v>120</v>
      </c>
      <c r="B197" s="29" t="s">
        <v>303</v>
      </c>
      <c r="C197" s="30" t="s">
        <v>1187</v>
      </c>
      <c r="D197" s="31"/>
      <c r="E197" s="32" t="s">
        <v>279</v>
      </c>
      <c r="F197" s="32"/>
      <c r="G197" s="33"/>
      <c r="H197" s="31"/>
      <c r="I197" s="32" t="s">
        <v>623</v>
      </c>
      <c r="J197" s="34"/>
      <c r="K197" s="35"/>
      <c r="L197" s="32"/>
      <c r="M197" s="32"/>
      <c r="N197" s="32"/>
      <c r="O197" s="32"/>
      <c r="P197" s="32"/>
      <c r="Q197" s="36"/>
      <c r="R197" s="37" t="s">
        <v>1246</v>
      </c>
    </row>
    <row r="198" spans="1:18" s="15" customFormat="1" ht="38.4" x14ac:dyDescent="0.45">
      <c r="A198" s="29" t="s">
        <v>121</v>
      </c>
      <c r="B198" s="29" t="s">
        <v>437</v>
      </c>
      <c r="C198" s="30" t="s">
        <v>1456</v>
      </c>
      <c r="D198" s="31"/>
      <c r="E198" s="32" t="s">
        <v>279</v>
      </c>
      <c r="F198" s="32"/>
      <c r="G198" s="33"/>
      <c r="H198" s="31"/>
      <c r="I198" s="32">
        <v>1980</v>
      </c>
      <c r="J198" s="34" t="s">
        <v>438</v>
      </c>
      <c r="K198" s="35">
        <v>5</v>
      </c>
      <c r="L198" s="32">
        <v>225</v>
      </c>
      <c r="M198" s="32"/>
      <c r="N198" s="32"/>
      <c r="O198" s="32"/>
      <c r="P198" s="32"/>
      <c r="Q198" s="36"/>
      <c r="R198" s="37" t="s">
        <v>1205</v>
      </c>
    </row>
    <row r="199" spans="1:18" s="15" customFormat="1" ht="14.25" customHeight="1" x14ac:dyDescent="0.45">
      <c r="A199" s="29" t="s">
        <v>122</v>
      </c>
      <c r="B199" s="29" t="s">
        <v>1334</v>
      </c>
      <c r="C199" s="30" t="s">
        <v>1335</v>
      </c>
      <c r="D199" s="31"/>
      <c r="E199" s="32" t="s">
        <v>279</v>
      </c>
      <c r="F199" s="32"/>
      <c r="G199" s="33"/>
      <c r="H199" s="31"/>
      <c r="I199" s="32">
        <v>1728</v>
      </c>
      <c r="J199" s="34"/>
      <c r="K199" s="35"/>
      <c r="L199" s="32"/>
      <c r="M199" s="32"/>
      <c r="N199" s="32"/>
      <c r="O199" s="32"/>
      <c r="P199" s="32"/>
      <c r="Q199" s="36"/>
      <c r="R199" s="37" t="s">
        <v>1338</v>
      </c>
    </row>
    <row r="200" spans="1:18" s="15" customFormat="1" ht="60" customHeight="1" x14ac:dyDescent="0.45">
      <c r="A200" s="29" t="s">
        <v>63</v>
      </c>
      <c r="B200" s="29" t="s">
        <v>710</v>
      </c>
      <c r="C200" s="30" t="s">
        <v>1059</v>
      </c>
      <c r="D200" s="31" t="s">
        <v>417</v>
      </c>
      <c r="E200" s="32"/>
      <c r="F200" s="32"/>
      <c r="G200" s="33"/>
      <c r="H200" s="31">
        <v>140</v>
      </c>
      <c r="I200" s="32" t="s">
        <v>411</v>
      </c>
      <c r="J200" s="34">
        <v>930</v>
      </c>
      <c r="K200" s="35">
        <v>4</v>
      </c>
      <c r="L200" s="32">
        <v>225</v>
      </c>
      <c r="M200" s="32">
        <v>420</v>
      </c>
      <c r="N200" s="32">
        <v>42</v>
      </c>
      <c r="O200" s="32">
        <v>790</v>
      </c>
      <c r="P200" s="32"/>
      <c r="Q200" s="36"/>
      <c r="R200" s="37" t="s">
        <v>428</v>
      </c>
    </row>
    <row r="201" spans="1:18" s="15" customFormat="1" ht="31.5" customHeight="1" x14ac:dyDescent="0.45">
      <c r="A201" s="29" t="s">
        <v>63</v>
      </c>
      <c r="B201" s="29" t="s">
        <v>303</v>
      </c>
      <c r="C201" s="30" t="s">
        <v>1057</v>
      </c>
      <c r="D201" s="31"/>
      <c r="E201" s="32" t="s">
        <v>1054</v>
      </c>
      <c r="F201" s="32"/>
      <c r="G201" s="33"/>
      <c r="H201" s="31">
        <v>120</v>
      </c>
      <c r="I201" s="32">
        <v>1728</v>
      </c>
      <c r="J201" s="34">
        <v>680</v>
      </c>
      <c r="K201" s="35">
        <v>4</v>
      </c>
      <c r="L201" s="32">
        <v>135</v>
      </c>
      <c r="M201" s="32">
        <v>235</v>
      </c>
      <c r="N201" s="32">
        <v>42</v>
      </c>
      <c r="O201" s="32">
        <v>385</v>
      </c>
      <c r="P201" s="32"/>
      <c r="Q201" s="36"/>
      <c r="R201" s="37" t="s">
        <v>1055</v>
      </c>
    </row>
    <row r="202" spans="1:18" s="15" customFormat="1" ht="31.5" customHeight="1" x14ac:dyDescent="0.45">
      <c r="A202" s="29" t="s">
        <v>63</v>
      </c>
      <c r="B202" s="29" t="s">
        <v>303</v>
      </c>
      <c r="C202" s="30" t="s">
        <v>1058</v>
      </c>
      <c r="D202" s="31"/>
      <c r="E202" s="32" t="s">
        <v>279</v>
      </c>
      <c r="F202" s="32"/>
      <c r="G202" s="33"/>
      <c r="H202" s="31">
        <v>140</v>
      </c>
      <c r="I202" s="32">
        <v>1980</v>
      </c>
      <c r="J202" s="34">
        <v>930</v>
      </c>
      <c r="K202" s="35">
        <v>4</v>
      </c>
      <c r="L202" s="32">
        <v>225</v>
      </c>
      <c r="M202" s="32">
        <v>420</v>
      </c>
      <c r="N202" s="32">
        <v>42</v>
      </c>
      <c r="O202" s="32">
        <v>790</v>
      </c>
      <c r="P202" s="32"/>
      <c r="Q202" s="36"/>
      <c r="R202" s="37" t="s">
        <v>1056</v>
      </c>
    </row>
    <row r="203" spans="1:18" s="18" customFormat="1" ht="13.2" x14ac:dyDescent="0.45">
      <c r="A203" s="29" t="s">
        <v>489</v>
      </c>
      <c r="B203" s="29" t="s">
        <v>490</v>
      </c>
      <c r="C203" s="30" t="s">
        <v>475</v>
      </c>
      <c r="D203" s="31"/>
      <c r="E203" s="32"/>
      <c r="F203" s="32"/>
      <c r="G203" s="32" t="s">
        <v>279</v>
      </c>
      <c r="H203" s="31" t="s">
        <v>423</v>
      </c>
      <c r="I203" s="32" t="s">
        <v>423</v>
      </c>
      <c r="J203" s="32" t="s">
        <v>311</v>
      </c>
      <c r="K203" s="32" t="s">
        <v>311</v>
      </c>
      <c r="L203" s="32" t="s">
        <v>311</v>
      </c>
      <c r="M203" s="32"/>
      <c r="N203" s="32" t="s">
        <v>311</v>
      </c>
      <c r="O203" s="32" t="s">
        <v>311</v>
      </c>
      <c r="P203" s="32"/>
      <c r="Q203" s="36"/>
      <c r="R203" s="37" t="s">
        <v>1622</v>
      </c>
    </row>
    <row r="204" spans="1:18" s="18" customFormat="1" ht="19.2" x14ac:dyDescent="0.45">
      <c r="A204" s="29" t="s">
        <v>594</v>
      </c>
      <c r="B204" s="29" t="s">
        <v>595</v>
      </c>
      <c r="C204" s="30" t="s">
        <v>596</v>
      </c>
      <c r="D204" s="31"/>
      <c r="E204" s="32" t="s">
        <v>279</v>
      </c>
      <c r="F204" s="32"/>
      <c r="G204" s="33"/>
      <c r="H204" s="31">
        <v>140</v>
      </c>
      <c r="I204" s="32">
        <v>1950</v>
      </c>
      <c r="J204" s="34">
        <v>960</v>
      </c>
      <c r="K204" s="35">
        <v>4</v>
      </c>
      <c r="L204" s="32">
        <v>225</v>
      </c>
      <c r="M204" s="32">
        <v>420</v>
      </c>
      <c r="N204" s="32">
        <v>42</v>
      </c>
      <c r="O204" s="32"/>
      <c r="P204" s="32"/>
      <c r="Q204" s="36"/>
      <c r="R204" s="37" t="s">
        <v>1520</v>
      </c>
    </row>
    <row r="205" spans="1:18" s="18" customFormat="1" ht="21" customHeight="1" x14ac:dyDescent="0.45">
      <c r="A205" s="29" t="s">
        <v>123</v>
      </c>
      <c r="B205" s="29" t="s">
        <v>1308</v>
      </c>
      <c r="C205" s="30" t="s">
        <v>579</v>
      </c>
      <c r="D205" s="31" t="s">
        <v>299</v>
      </c>
      <c r="E205" s="32"/>
      <c r="F205" s="32"/>
      <c r="G205" s="33"/>
      <c r="H205" s="31"/>
      <c r="I205" s="32">
        <v>1950</v>
      </c>
      <c r="J205" s="34"/>
      <c r="K205" s="35"/>
      <c r="L205" s="32">
        <v>225</v>
      </c>
      <c r="M205" s="32">
        <v>420</v>
      </c>
      <c r="N205" s="32"/>
      <c r="O205" s="32"/>
      <c r="P205" s="32"/>
      <c r="Q205" s="36"/>
      <c r="R205" s="37" t="s">
        <v>1400</v>
      </c>
    </row>
    <row r="206" spans="1:18" s="15" customFormat="1" ht="28.8" x14ac:dyDescent="0.45">
      <c r="A206" s="29" t="s">
        <v>123</v>
      </c>
      <c r="B206" s="29" t="s">
        <v>1307</v>
      </c>
      <c r="C206" s="30" t="s">
        <v>579</v>
      </c>
      <c r="D206" s="31" t="s">
        <v>417</v>
      </c>
      <c r="E206" s="32" t="s">
        <v>614</v>
      </c>
      <c r="F206" s="32"/>
      <c r="G206" s="33"/>
      <c r="H206" s="31"/>
      <c r="I206" s="32">
        <v>1950</v>
      </c>
      <c r="J206" s="34"/>
      <c r="K206" s="35"/>
      <c r="L206" s="32">
        <v>225</v>
      </c>
      <c r="M206" s="32">
        <v>420</v>
      </c>
      <c r="N206" s="32"/>
      <c r="O206" s="32"/>
      <c r="P206" s="32"/>
      <c r="Q206" s="36"/>
      <c r="R206" s="37" t="s">
        <v>1467</v>
      </c>
    </row>
    <row r="207" spans="1:18" s="15" customFormat="1" ht="13.2" x14ac:dyDescent="0.45">
      <c r="A207" s="29" t="s">
        <v>123</v>
      </c>
      <c r="B207" s="29" t="s">
        <v>525</v>
      </c>
      <c r="C207" s="30" t="s">
        <v>1306</v>
      </c>
      <c r="D207" s="31" t="s">
        <v>284</v>
      </c>
      <c r="E207" s="32"/>
      <c r="F207" s="32"/>
      <c r="G207" s="33"/>
      <c r="H207" s="31"/>
      <c r="I207" s="32">
        <v>2124</v>
      </c>
      <c r="J207" s="34"/>
      <c r="K207" s="35"/>
      <c r="L207" s="32">
        <v>267</v>
      </c>
      <c r="M207" s="32">
        <v>510</v>
      </c>
      <c r="N207" s="32"/>
      <c r="O207" s="32"/>
      <c r="P207" s="32"/>
      <c r="Q207" s="36"/>
      <c r="R207" s="37" t="s">
        <v>1401</v>
      </c>
    </row>
    <row r="208" spans="1:18" s="15" customFormat="1" ht="19.2" x14ac:dyDescent="0.45">
      <c r="A208" s="29" t="s">
        <v>124</v>
      </c>
      <c r="B208" s="29" t="s">
        <v>689</v>
      </c>
      <c r="C208" s="30" t="s">
        <v>1227</v>
      </c>
      <c r="D208" s="31" t="s">
        <v>348</v>
      </c>
      <c r="E208" s="32"/>
      <c r="F208" s="32"/>
      <c r="G208" s="33"/>
      <c r="H208" s="39">
        <v>125</v>
      </c>
      <c r="I208" s="34">
        <v>1728</v>
      </c>
      <c r="J208" s="34">
        <v>680</v>
      </c>
      <c r="K208" s="40">
        <v>3.5</v>
      </c>
      <c r="L208" s="34">
        <v>135</v>
      </c>
      <c r="M208" s="34">
        <v>235</v>
      </c>
      <c r="N208" s="34"/>
      <c r="O208" s="34">
        <v>385</v>
      </c>
      <c r="P208" s="34"/>
      <c r="Q208" s="41"/>
      <c r="R208" s="37" t="s">
        <v>1309</v>
      </c>
    </row>
    <row r="209" spans="1:18" s="15" customFormat="1" ht="38.4" x14ac:dyDescent="0.45">
      <c r="A209" s="29" t="s">
        <v>134</v>
      </c>
      <c r="B209" s="29" t="s">
        <v>401</v>
      </c>
      <c r="C209" s="30" t="s">
        <v>426</v>
      </c>
      <c r="D209" s="31"/>
      <c r="E209" s="32" t="s">
        <v>279</v>
      </c>
      <c r="F209" s="32"/>
      <c r="G209" s="33"/>
      <c r="H209" s="31" t="s">
        <v>370</v>
      </c>
      <c r="I209" s="34">
        <v>1728</v>
      </c>
      <c r="J209" s="34">
        <v>690</v>
      </c>
      <c r="K209" s="35">
        <v>4</v>
      </c>
      <c r="L209" s="32">
        <v>135</v>
      </c>
      <c r="M209" s="32">
        <v>235</v>
      </c>
      <c r="N209" s="32">
        <v>42</v>
      </c>
      <c r="O209" s="32">
        <v>625</v>
      </c>
      <c r="P209" s="32"/>
      <c r="Q209" s="36" t="s">
        <v>311</v>
      </c>
      <c r="R209" s="37" t="s">
        <v>973</v>
      </c>
    </row>
    <row r="210" spans="1:18" s="15" customFormat="1" ht="38.4" x14ac:dyDescent="0.45">
      <c r="A210" s="29" t="s">
        <v>491</v>
      </c>
      <c r="B210" s="29" t="s">
        <v>492</v>
      </c>
      <c r="C210" s="30" t="s">
        <v>1363</v>
      </c>
      <c r="D210" s="31"/>
      <c r="E210" s="32" t="s">
        <v>279</v>
      </c>
      <c r="F210" s="32"/>
      <c r="G210" s="33"/>
      <c r="H210" s="31" t="s">
        <v>867</v>
      </c>
      <c r="I210" s="32" t="s">
        <v>1125</v>
      </c>
      <c r="J210" s="34" t="s">
        <v>1161</v>
      </c>
      <c r="K210" s="32" t="s">
        <v>1125</v>
      </c>
      <c r="L210" s="32" t="s">
        <v>1125</v>
      </c>
      <c r="M210" s="32" t="s">
        <v>1125</v>
      </c>
      <c r="N210" s="32" t="s">
        <v>1125</v>
      </c>
      <c r="O210" s="32" t="s">
        <v>1125</v>
      </c>
      <c r="P210" s="32"/>
      <c r="Q210" s="41" t="s">
        <v>423</v>
      </c>
      <c r="R210" s="37" t="s">
        <v>1623</v>
      </c>
    </row>
    <row r="211" spans="1:18" s="15" customFormat="1" ht="31.5" customHeight="1" x14ac:dyDescent="0.45">
      <c r="A211" s="29" t="s">
        <v>145</v>
      </c>
      <c r="B211" s="29" t="s">
        <v>303</v>
      </c>
      <c r="C211" s="30" t="s">
        <v>1352</v>
      </c>
      <c r="D211" s="31"/>
      <c r="E211" s="32" t="s">
        <v>279</v>
      </c>
      <c r="F211" s="32"/>
      <c r="G211" s="33"/>
      <c r="H211" s="31">
        <v>120</v>
      </c>
      <c r="I211" s="32">
        <v>1700</v>
      </c>
      <c r="J211" s="34" t="s">
        <v>1133</v>
      </c>
      <c r="K211" s="35">
        <v>4</v>
      </c>
      <c r="L211" s="32">
        <v>135</v>
      </c>
      <c r="M211" s="32">
        <v>235</v>
      </c>
      <c r="N211" s="32">
        <v>42</v>
      </c>
      <c r="O211" s="32">
        <v>625</v>
      </c>
      <c r="P211" s="32"/>
      <c r="Q211" s="36"/>
      <c r="R211" s="37" t="s">
        <v>1351</v>
      </c>
    </row>
    <row r="212" spans="1:18" s="18" customFormat="1" ht="21" customHeight="1" x14ac:dyDescent="0.45">
      <c r="A212" s="29" t="s">
        <v>125</v>
      </c>
      <c r="B212" s="29" t="s">
        <v>431</v>
      </c>
      <c r="C212" s="30" t="s">
        <v>752</v>
      </c>
      <c r="D212" s="31" t="s">
        <v>284</v>
      </c>
      <c r="E212" s="32" t="s">
        <v>287</v>
      </c>
      <c r="F212" s="32"/>
      <c r="G212" s="33"/>
      <c r="H212" s="31">
        <v>100</v>
      </c>
      <c r="I212" s="32">
        <v>1400</v>
      </c>
      <c r="J212" s="34">
        <v>260</v>
      </c>
      <c r="K212" s="35">
        <v>4</v>
      </c>
      <c r="L212" s="32">
        <v>101</v>
      </c>
      <c r="M212" s="32">
        <v>130</v>
      </c>
      <c r="N212" s="32">
        <v>42</v>
      </c>
      <c r="O212" s="32">
        <v>320</v>
      </c>
      <c r="P212" s="32"/>
      <c r="Q212" s="36"/>
      <c r="R212" s="37" t="s">
        <v>690</v>
      </c>
    </row>
    <row r="213" spans="1:18" s="15" customFormat="1" ht="19.2" x14ac:dyDescent="0.45">
      <c r="A213" s="29" t="s">
        <v>126</v>
      </c>
      <c r="B213" s="29" t="s">
        <v>413</v>
      </c>
      <c r="C213" s="30" t="s">
        <v>1356</v>
      </c>
      <c r="D213" s="31" t="s">
        <v>284</v>
      </c>
      <c r="E213" s="32" t="s">
        <v>287</v>
      </c>
      <c r="F213" s="32"/>
      <c r="G213" s="33"/>
      <c r="H213" s="31">
        <v>140</v>
      </c>
      <c r="I213" s="34">
        <v>1980</v>
      </c>
      <c r="J213" s="34" t="s">
        <v>1007</v>
      </c>
      <c r="K213" s="35">
        <v>4</v>
      </c>
      <c r="L213" s="32">
        <v>225</v>
      </c>
      <c r="M213" s="32">
        <v>420</v>
      </c>
      <c r="N213" s="32">
        <v>42</v>
      </c>
      <c r="O213" s="32"/>
      <c r="P213" s="32"/>
      <c r="Q213" s="36"/>
      <c r="R213" s="37" t="s">
        <v>1624</v>
      </c>
    </row>
    <row r="214" spans="1:18" s="18" customFormat="1" ht="28.8" x14ac:dyDescent="0.45">
      <c r="A214" s="29" t="s">
        <v>127</v>
      </c>
      <c r="B214" s="29" t="s">
        <v>535</v>
      </c>
      <c r="C214" s="30" t="s">
        <v>823</v>
      </c>
      <c r="D214" s="31"/>
      <c r="E214" s="32" t="s">
        <v>279</v>
      </c>
      <c r="F214" s="32"/>
      <c r="G214" s="33"/>
      <c r="H214" s="31"/>
      <c r="I214" s="32">
        <v>1980</v>
      </c>
      <c r="J214" s="34" t="s">
        <v>536</v>
      </c>
      <c r="K214" s="35">
        <v>5</v>
      </c>
      <c r="L214" s="32">
        <v>225</v>
      </c>
      <c r="M214" s="32"/>
      <c r="N214" s="32"/>
      <c r="O214" s="32"/>
      <c r="P214" s="32"/>
      <c r="Q214" s="36"/>
      <c r="R214" s="37" t="s">
        <v>824</v>
      </c>
    </row>
    <row r="215" spans="1:18" s="18" customFormat="1" ht="50.4" customHeight="1" x14ac:dyDescent="0.45">
      <c r="A215" s="29" t="s">
        <v>127</v>
      </c>
      <c r="B215" s="29" t="s">
        <v>1318</v>
      </c>
      <c r="C215" s="30" t="s">
        <v>1317</v>
      </c>
      <c r="D215" s="31" t="s">
        <v>1543</v>
      </c>
      <c r="E215" s="32" t="s">
        <v>287</v>
      </c>
      <c r="F215" s="32"/>
      <c r="G215" s="33"/>
      <c r="H215" s="31"/>
      <c r="I215" s="34" t="s">
        <v>1545</v>
      </c>
      <c r="J215" s="34" t="s">
        <v>1546</v>
      </c>
      <c r="K215" s="40" t="s">
        <v>1547</v>
      </c>
      <c r="L215" s="34" t="s">
        <v>1548</v>
      </c>
      <c r="M215" s="32"/>
      <c r="N215" s="32"/>
      <c r="O215" s="32"/>
      <c r="P215" s="32"/>
      <c r="Q215" s="36"/>
      <c r="R215" s="37" t="s">
        <v>1544</v>
      </c>
    </row>
    <row r="216" spans="1:18" s="18" customFormat="1" ht="31.5" customHeight="1" x14ac:dyDescent="0.45">
      <c r="A216" s="29" t="s">
        <v>127</v>
      </c>
      <c r="B216" s="29" t="s">
        <v>1625</v>
      </c>
      <c r="C216" s="30" t="s">
        <v>869</v>
      </c>
      <c r="D216" s="31" t="s">
        <v>1543</v>
      </c>
      <c r="E216" s="32" t="s">
        <v>287</v>
      </c>
      <c r="F216" s="32"/>
      <c r="G216" s="33"/>
      <c r="H216" s="31"/>
      <c r="I216" s="34" t="s">
        <v>1545</v>
      </c>
      <c r="J216" s="34" t="s">
        <v>1546</v>
      </c>
      <c r="K216" s="40" t="s">
        <v>1547</v>
      </c>
      <c r="L216" s="34" t="s">
        <v>1548</v>
      </c>
      <c r="M216" s="32"/>
      <c r="N216" s="32"/>
      <c r="O216" s="32"/>
      <c r="P216" s="32"/>
      <c r="Q216" s="36"/>
      <c r="R216" s="37" t="s">
        <v>1626</v>
      </c>
    </row>
    <row r="217" spans="1:18" s="18" customFormat="1" ht="31.5" customHeight="1" x14ac:dyDescent="0.45">
      <c r="A217" s="29" t="s">
        <v>82</v>
      </c>
      <c r="B217" s="29" t="s">
        <v>446</v>
      </c>
      <c r="C217" s="30" t="s">
        <v>1627</v>
      </c>
      <c r="D217" s="31"/>
      <c r="E217" s="32" t="s">
        <v>733</v>
      </c>
      <c r="F217" s="32"/>
      <c r="G217" s="33"/>
      <c r="H217" s="39" t="s">
        <v>796</v>
      </c>
      <c r="I217" s="34">
        <v>1400</v>
      </c>
      <c r="J217" s="34">
        <v>270</v>
      </c>
      <c r="K217" s="35">
        <v>4</v>
      </c>
      <c r="L217" s="32">
        <v>135</v>
      </c>
      <c r="M217" s="32">
        <v>235</v>
      </c>
      <c r="N217" s="32">
        <v>42</v>
      </c>
      <c r="O217" s="32">
        <v>320</v>
      </c>
      <c r="P217" s="32"/>
      <c r="Q217" s="36" t="s">
        <v>311</v>
      </c>
      <c r="R217" s="37" t="s">
        <v>797</v>
      </c>
    </row>
    <row r="218" spans="1:18" s="15" customFormat="1" ht="19.2" x14ac:dyDescent="0.45">
      <c r="A218" s="29" t="s">
        <v>759</v>
      </c>
      <c r="B218" s="29" t="s">
        <v>1277</v>
      </c>
      <c r="C218" s="30" t="s">
        <v>1190</v>
      </c>
      <c r="D218" s="31"/>
      <c r="E218" s="32" t="s">
        <v>287</v>
      </c>
      <c r="F218" s="32"/>
      <c r="G218" s="33"/>
      <c r="H218" s="31">
        <v>120</v>
      </c>
      <c r="I218" s="34">
        <v>1728</v>
      </c>
      <c r="J218" s="34">
        <v>680</v>
      </c>
      <c r="K218" s="35">
        <v>4</v>
      </c>
      <c r="L218" s="32">
        <v>135</v>
      </c>
      <c r="M218" s="32">
        <v>235</v>
      </c>
      <c r="N218" s="32">
        <v>42</v>
      </c>
      <c r="O218" s="32">
        <v>580</v>
      </c>
      <c r="P218" s="32">
        <v>400</v>
      </c>
      <c r="Q218" s="36" t="s">
        <v>311</v>
      </c>
      <c r="R218" s="37" t="s">
        <v>1278</v>
      </c>
    </row>
    <row r="219" spans="1:18" s="15" customFormat="1" ht="21" customHeight="1" x14ac:dyDescent="0.45">
      <c r="A219" s="29" t="s">
        <v>759</v>
      </c>
      <c r="B219" s="29" t="s">
        <v>1014</v>
      </c>
      <c r="C219" s="30" t="s">
        <v>1190</v>
      </c>
      <c r="D219" s="31"/>
      <c r="E219" s="32" t="s">
        <v>287</v>
      </c>
      <c r="F219" s="32"/>
      <c r="G219" s="33"/>
      <c r="H219" s="31">
        <v>120</v>
      </c>
      <c r="I219" s="34">
        <v>1728</v>
      </c>
      <c r="J219" s="34">
        <v>680</v>
      </c>
      <c r="K219" s="35">
        <v>4</v>
      </c>
      <c r="L219" s="32">
        <v>135</v>
      </c>
      <c r="M219" s="32">
        <v>235</v>
      </c>
      <c r="N219" s="32">
        <v>42</v>
      </c>
      <c r="O219" s="32">
        <v>580</v>
      </c>
      <c r="P219" s="32">
        <v>400</v>
      </c>
      <c r="Q219" s="36" t="s">
        <v>311</v>
      </c>
      <c r="R219" s="37" t="s">
        <v>1015</v>
      </c>
    </row>
    <row r="220" spans="1:18" s="15" customFormat="1" ht="14.25" customHeight="1" x14ac:dyDescent="0.45">
      <c r="A220" s="29" t="s">
        <v>131</v>
      </c>
      <c r="B220" s="29" t="s">
        <v>1279</v>
      </c>
      <c r="C220" s="30" t="s">
        <v>1280</v>
      </c>
      <c r="D220" s="31"/>
      <c r="E220" s="32" t="s">
        <v>279</v>
      </c>
      <c r="F220" s="32"/>
      <c r="G220" s="33"/>
      <c r="H220" s="31">
        <v>140</v>
      </c>
      <c r="I220" s="32" t="s">
        <v>301</v>
      </c>
      <c r="J220" s="34">
        <v>960</v>
      </c>
      <c r="K220" s="35">
        <v>4</v>
      </c>
      <c r="L220" s="32">
        <v>225</v>
      </c>
      <c r="M220" s="32">
        <v>420</v>
      </c>
      <c r="N220" s="32">
        <v>42</v>
      </c>
      <c r="O220" s="32">
        <v>1150</v>
      </c>
      <c r="P220" s="32"/>
      <c r="Q220" s="36"/>
      <c r="R220" s="37" t="s">
        <v>1281</v>
      </c>
    </row>
    <row r="221" spans="1:18" s="15" customFormat="1" ht="31.5" customHeight="1" x14ac:dyDescent="0.45">
      <c r="A221" s="29" t="s">
        <v>128</v>
      </c>
      <c r="B221" s="29" t="s">
        <v>1274</v>
      </c>
      <c r="C221" s="30" t="s">
        <v>1275</v>
      </c>
      <c r="D221" s="31"/>
      <c r="E221" s="32" t="s">
        <v>279</v>
      </c>
      <c r="F221" s="32"/>
      <c r="G221" s="33"/>
      <c r="H221" s="31"/>
      <c r="I221" s="34">
        <v>1980</v>
      </c>
      <c r="J221" s="34" t="s">
        <v>1276</v>
      </c>
      <c r="K221" s="35">
        <v>4.5</v>
      </c>
      <c r="L221" s="32">
        <v>225</v>
      </c>
      <c r="M221" s="32"/>
      <c r="N221" s="32">
        <v>42</v>
      </c>
      <c r="O221" s="32"/>
      <c r="P221" s="32"/>
      <c r="Q221" s="36"/>
      <c r="R221" s="37" t="s">
        <v>1471</v>
      </c>
    </row>
    <row r="222" spans="1:18" s="15" customFormat="1" ht="31.5" customHeight="1" x14ac:dyDescent="0.45">
      <c r="A222" s="29" t="s">
        <v>128</v>
      </c>
      <c r="B222" s="29" t="s">
        <v>1628</v>
      </c>
      <c r="C222" s="30" t="s">
        <v>721</v>
      </c>
      <c r="D222" s="31"/>
      <c r="E222" s="32" t="s">
        <v>279</v>
      </c>
      <c r="F222" s="32"/>
      <c r="G222" s="33"/>
      <c r="H222" s="31"/>
      <c r="I222" s="34">
        <v>1980</v>
      </c>
      <c r="J222" s="34"/>
      <c r="K222" s="35">
        <v>4.5</v>
      </c>
      <c r="L222" s="32">
        <v>225</v>
      </c>
      <c r="M222" s="32">
        <v>420</v>
      </c>
      <c r="N222" s="32">
        <v>42</v>
      </c>
      <c r="O222" s="32"/>
      <c r="P222" s="32"/>
      <c r="Q222" s="36"/>
      <c r="R222" s="37" t="s">
        <v>914</v>
      </c>
    </row>
    <row r="223" spans="1:18" s="15" customFormat="1" ht="31.5" customHeight="1" x14ac:dyDescent="0.45">
      <c r="A223" s="29" t="s">
        <v>128</v>
      </c>
      <c r="B223" s="29" t="s">
        <v>862</v>
      </c>
      <c r="C223" s="30" t="s">
        <v>721</v>
      </c>
      <c r="D223" s="31"/>
      <c r="E223" s="32" t="s">
        <v>279</v>
      </c>
      <c r="F223" s="32"/>
      <c r="G223" s="33"/>
      <c r="H223" s="31"/>
      <c r="I223" s="34">
        <v>1980</v>
      </c>
      <c r="J223" s="34"/>
      <c r="K223" s="35"/>
      <c r="L223" s="32"/>
      <c r="M223" s="32"/>
      <c r="N223" s="32"/>
      <c r="O223" s="32"/>
      <c r="P223" s="32"/>
      <c r="Q223" s="36"/>
      <c r="R223" s="37" t="s">
        <v>915</v>
      </c>
    </row>
    <row r="224" spans="1:18" s="18" customFormat="1" ht="24" customHeight="1" x14ac:dyDescent="0.45">
      <c r="A224" s="29" t="s">
        <v>129</v>
      </c>
      <c r="B224" s="29" t="s">
        <v>1118</v>
      </c>
      <c r="C224" s="30" t="s">
        <v>1214</v>
      </c>
      <c r="D224" s="31" t="s">
        <v>284</v>
      </c>
      <c r="E224" s="32"/>
      <c r="F224" s="32"/>
      <c r="G224" s="33"/>
      <c r="H224" s="39" t="s">
        <v>719</v>
      </c>
      <c r="I224" s="32" t="s">
        <v>1207</v>
      </c>
      <c r="J224" s="34" t="s">
        <v>297</v>
      </c>
      <c r="K224" s="35">
        <v>5</v>
      </c>
      <c r="L224" s="32">
        <v>280</v>
      </c>
      <c r="M224" s="32">
        <v>470</v>
      </c>
      <c r="N224" s="32">
        <v>60</v>
      </c>
      <c r="O224" s="32"/>
      <c r="P224" s="32"/>
      <c r="Q224" s="36"/>
      <c r="R224" s="37" t="s">
        <v>1533</v>
      </c>
    </row>
    <row r="225" spans="1:18" s="18" customFormat="1" ht="31.5" customHeight="1" x14ac:dyDescent="0.45">
      <c r="A225" s="29" t="s">
        <v>130</v>
      </c>
      <c r="B225" s="29" t="s">
        <v>421</v>
      </c>
      <c r="C225" s="30" t="s">
        <v>612</v>
      </c>
      <c r="D225" s="31" t="s">
        <v>422</v>
      </c>
      <c r="E225" s="32" t="s">
        <v>430</v>
      </c>
      <c r="F225" s="32"/>
      <c r="G225" s="33"/>
      <c r="H225" s="31">
        <v>140</v>
      </c>
      <c r="I225" s="32">
        <v>1950</v>
      </c>
      <c r="J225" s="34">
        <v>930</v>
      </c>
      <c r="K225" s="35">
        <v>4</v>
      </c>
      <c r="L225" s="32">
        <v>225</v>
      </c>
      <c r="M225" s="32">
        <v>420</v>
      </c>
      <c r="N225" s="32">
        <v>42</v>
      </c>
      <c r="O225" s="32"/>
      <c r="P225" s="32"/>
      <c r="Q225" s="36"/>
      <c r="R225" s="37" t="s">
        <v>1107</v>
      </c>
    </row>
    <row r="226" spans="1:18" s="15" customFormat="1" ht="23.25" customHeight="1" x14ac:dyDescent="0.45">
      <c r="A226" s="29" t="s">
        <v>132</v>
      </c>
      <c r="B226" s="29" t="s">
        <v>565</v>
      </c>
      <c r="C226" s="30" t="s">
        <v>404</v>
      </c>
      <c r="D226" s="31"/>
      <c r="E226" s="32" t="s">
        <v>279</v>
      </c>
      <c r="F226" s="32"/>
      <c r="G226" s="33"/>
      <c r="H226" s="31"/>
      <c r="I226" s="32" t="s">
        <v>580</v>
      </c>
      <c r="J226" s="34" t="s">
        <v>581</v>
      </c>
      <c r="K226" s="35">
        <v>4</v>
      </c>
      <c r="L226" s="32">
        <v>225</v>
      </c>
      <c r="M226" s="32">
        <v>420</v>
      </c>
      <c r="N226" s="32">
        <v>42</v>
      </c>
      <c r="O226" s="32"/>
      <c r="P226" s="32"/>
      <c r="Q226" s="36"/>
      <c r="R226" s="37" t="s">
        <v>669</v>
      </c>
    </row>
    <row r="227" spans="1:18" s="15" customFormat="1" ht="38.4" x14ac:dyDescent="0.45">
      <c r="A227" s="29" t="s">
        <v>133</v>
      </c>
      <c r="B227" s="29" t="s">
        <v>303</v>
      </c>
      <c r="C227" s="30" t="s">
        <v>1339</v>
      </c>
      <c r="D227" s="31"/>
      <c r="E227" s="32" t="s">
        <v>279</v>
      </c>
      <c r="F227" s="32"/>
      <c r="G227" s="33"/>
      <c r="H227" s="31">
        <v>120</v>
      </c>
      <c r="I227" s="32" t="s">
        <v>630</v>
      </c>
      <c r="J227" s="34" t="s">
        <v>1501</v>
      </c>
      <c r="K227" s="35">
        <v>4</v>
      </c>
      <c r="L227" s="32">
        <v>135</v>
      </c>
      <c r="M227" s="32">
        <v>235</v>
      </c>
      <c r="N227" s="32">
        <v>42</v>
      </c>
      <c r="O227" s="32">
        <v>625</v>
      </c>
      <c r="P227" s="32"/>
      <c r="Q227" s="36" t="s">
        <v>423</v>
      </c>
      <c r="R227" s="37" t="s">
        <v>1629</v>
      </c>
    </row>
    <row r="228" spans="1:18" s="18" customFormat="1" ht="28.8" x14ac:dyDescent="0.45">
      <c r="A228" s="29" t="s">
        <v>493</v>
      </c>
      <c r="B228" s="29" t="s">
        <v>303</v>
      </c>
      <c r="C228" s="38" t="s">
        <v>1104</v>
      </c>
      <c r="D228" s="31"/>
      <c r="E228" s="32" t="s">
        <v>279</v>
      </c>
      <c r="F228" s="32"/>
      <c r="G228" s="33"/>
      <c r="H228" s="31"/>
      <c r="I228" s="34">
        <v>1728</v>
      </c>
      <c r="J228" s="34" t="s">
        <v>1464</v>
      </c>
      <c r="K228" s="35">
        <v>3.5</v>
      </c>
      <c r="L228" s="32">
        <v>188</v>
      </c>
      <c r="M228" s="32"/>
      <c r="N228" s="32">
        <v>36</v>
      </c>
      <c r="O228" s="32"/>
      <c r="P228" s="32"/>
      <c r="Q228" s="36"/>
      <c r="R228" s="37" t="s">
        <v>1103</v>
      </c>
    </row>
    <row r="229" spans="1:18" s="18" customFormat="1" ht="28.8" x14ac:dyDescent="0.45">
      <c r="A229" s="29" t="s">
        <v>493</v>
      </c>
      <c r="B229" s="29" t="s">
        <v>1105</v>
      </c>
      <c r="C229" s="38" t="s">
        <v>1465</v>
      </c>
      <c r="D229" s="31"/>
      <c r="E229" s="32" t="s">
        <v>279</v>
      </c>
      <c r="F229" s="32"/>
      <c r="G229" s="33"/>
      <c r="H229" s="31"/>
      <c r="I229" s="34">
        <v>1728</v>
      </c>
      <c r="J229" s="34" t="s">
        <v>1464</v>
      </c>
      <c r="K229" s="35">
        <v>3.5</v>
      </c>
      <c r="L229" s="32">
        <v>188</v>
      </c>
      <c r="M229" s="32"/>
      <c r="N229" s="32">
        <v>36</v>
      </c>
      <c r="O229" s="32"/>
      <c r="P229" s="32"/>
      <c r="Q229" s="36"/>
      <c r="R229" s="37" t="s">
        <v>1364</v>
      </c>
    </row>
    <row r="230" spans="1:18" s="18" customFormat="1" ht="42" customHeight="1" x14ac:dyDescent="0.45">
      <c r="A230" s="29" t="s">
        <v>493</v>
      </c>
      <c r="B230" s="29" t="s">
        <v>1106</v>
      </c>
      <c r="C230" s="38" t="s">
        <v>1466</v>
      </c>
      <c r="D230" s="31"/>
      <c r="E230" s="32" t="s">
        <v>279</v>
      </c>
      <c r="F230" s="32"/>
      <c r="G230" s="33"/>
      <c r="H230" s="31"/>
      <c r="I230" s="34">
        <v>1728</v>
      </c>
      <c r="J230" s="34" t="s">
        <v>1464</v>
      </c>
      <c r="K230" s="35">
        <v>3.5</v>
      </c>
      <c r="L230" s="32">
        <v>188</v>
      </c>
      <c r="M230" s="32"/>
      <c r="N230" s="32">
        <v>36</v>
      </c>
      <c r="O230" s="32"/>
      <c r="P230" s="32"/>
      <c r="Q230" s="36"/>
      <c r="R230" s="37" t="s">
        <v>1364</v>
      </c>
    </row>
    <row r="231" spans="1:18" s="18" customFormat="1" ht="19.2" x14ac:dyDescent="0.45">
      <c r="A231" s="29" t="s">
        <v>374</v>
      </c>
      <c r="B231" s="29" t="s">
        <v>554</v>
      </c>
      <c r="C231" s="38" t="s">
        <v>916</v>
      </c>
      <c r="D231" s="31" t="s">
        <v>284</v>
      </c>
      <c r="E231" s="32"/>
      <c r="F231" s="32"/>
      <c r="G231" s="33"/>
      <c r="H231" s="64"/>
      <c r="I231" s="32" t="s">
        <v>293</v>
      </c>
      <c r="J231" s="34" t="s">
        <v>1630</v>
      </c>
      <c r="K231" s="35">
        <v>5.5</v>
      </c>
      <c r="L231" s="32">
        <v>280</v>
      </c>
      <c r="M231" s="32">
        <v>470</v>
      </c>
      <c r="N231" s="32">
        <v>62</v>
      </c>
      <c r="O231" s="63"/>
      <c r="P231" s="32"/>
      <c r="Q231" s="36"/>
      <c r="R231" s="37"/>
    </row>
    <row r="232" spans="1:18" s="19" customFormat="1" ht="19.2" x14ac:dyDescent="0.45">
      <c r="A232" s="29" t="s">
        <v>374</v>
      </c>
      <c r="B232" s="29" t="s">
        <v>375</v>
      </c>
      <c r="C232" s="38" t="s">
        <v>917</v>
      </c>
      <c r="D232" s="31" t="s">
        <v>284</v>
      </c>
      <c r="E232" s="32" t="s">
        <v>287</v>
      </c>
      <c r="F232" s="32"/>
      <c r="G232" s="33"/>
      <c r="H232" s="31"/>
      <c r="I232" s="34" t="s">
        <v>613</v>
      </c>
      <c r="J232" s="34"/>
      <c r="K232" s="35">
        <v>6</v>
      </c>
      <c r="L232" s="32"/>
      <c r="M232" s="32"/>
      <c r="N232" s="32">
        <v>76</v>
      </c>
      <c r="O232" s="32"/>
      <c r="P232" s="32"/>
      <c r="Q232" s="36"/>
      <c r="R232" s="37" t="s">
        <v>780</v>
      </c>
    </row>
    <row r="233" spans="1:18" s="18" customFormat="1" ht="19.2" x14ac:dyDescent="0.45">
      <c r="A233" s="29" t="s">
        <v>374</v>
      </c>
      <c r="B233" s="29" t="s">
        <v>375</v>
      </c>
      <c r="C233" s="38" t="s">
        <v>916</v>
      </c>
      <c r="D233" s="31" t="s">
        <v>284</v>
      </c>
      <c r="E233" s="32" t="s">
        <v>287</v>
      </c>
      <c r="F233" s="32"/>
      <c r="G233" s="33"/>
      <c r="H233" s="31"/>
      <c r="I233" s="34" t="s">
        <v>798</v>
      </c>
      <c r="J233" s="34"/>
      <c r="K233" s="35">
        <v>6</v>
      </c>
      <c r="L233" s="32"/>
      <c r="M233" s="32"/>
      <c r="N233" s="32">
        <v>76</v>
      </c>
      <c r="O233" s="32"/>
      <c r="P233" s="32"/>
      <c r="Q233" s="36"/>
      <c r="R233" s="37" t="s">
        <v>726</v>
      </c>
    </row>
    <row r="234" spans="1:18" s="18" customFormat="1" ht="19.2" x14ac:dyDescent="0.45">
      <c r="A234" s="29" t="s">
        <v>374</v>
      </c>
      <c r="B234" s="29" t="s">
        <v>375</v>
      </c>
      <c r="C234" s="38" t="s">
        <v>825</v>
      </c>
      <c r="D234" s="31" t="s">
        <v>284</v>
      </c>
      <c r="E234" s="32"/>
      <c r="F234" s="32"/>
      <c r="G234" s="33"/>
      <c r="H234" s="31"/>
      <c r="I234" s="34" t="s">
        <v>613</v>
      </c>
      <c r="J234" s="34"/>
      <c r="K234" s="35">
        <v>6</v>
      </c>
      <c r="L234" s="32"/>
      <c r="M234" s="32"/>
      <c r="N234" s="32">
        <v>76</v>
      </c>
      <c r="O234" s="32"/>
      <c r="P234" s="32"/>
      <c r="Q234" s="36"/>
      <c r="R234" s="37"/>
    </row>
    <row r="235" spans="1:18" s="18" customFormat="1" ht="19.2" x14ac:dyDescent="0.45">
      <c r="A235" s="29" t="s">
        <v>557</v>
      </c>
      <c r="B235" s="29" t="s">
        <v>918</v>
      </c>
      <c r="C235" s="38" t="s">
        <v>919</v>
      </c>
      <c r="D235" s="31" t="s">
        <v>284</v>
      </c>
      <c r="E235" s="32"/>
      <c r="F235" s="32"/>
      <c r="G235" s="33"/>
      <c r="H235" s="64"/>
      <c r="I235" s="34" t="s">
        <v>301</v>
      </c>
      <c r="J235" s="34" t="s">
        <v>1631</v>
      </c>
      <c r="K235" s="35">
        <v>4.5</v>
      </c>
      <c r="L235" s="32">
        <v>250</v>
      </c>
      <c r="M235" s="32">
        <v>470</v>
      </c>
      <c r="N235" s="32">
        <v>52</v>
      </c>
      <c r="O235" s="63"/>
      <c r="P235" s="32"/>
      <c r="Q235" s="36"/>
      <c r="R235" s="37"/>
    </row>
    <row r="236" spans="1:18" s="18" customFormat="1" ht="19.2" x14ac:dyDescent="0.45">
      <c r="A236" s="29" t="s">
        <v>374</v>
      </c>
      <c r="B236" s="29" t="s">
        <v>555</v>
      </c>
      <c r="C236" s="38" t="s">
        <v>916</v>
      </c>
      <c r="D236" s="31" t="s">
        <v>284</v>
      </c>
      <c r="E236" s="32"/>
      <c r="F236" s="32"/>
      <c r="G236" s="33"/>
      <c r="H236" s="64"/>
      <c r="I236" s="34" t="s">
        <v>556</v>
      </c>
      <c r="J236" s="34" t="s">
        <v>1631</v>
      </c>
      <c r="K236" s="35">
        <v>5</v>
      </c>
      <c r="L236" s="32">
        <v>250</v>
      </c>
      <c r="M236" s="32">
        <v>470</v>
      </c>
      <c r="N236" s="32">
        <v>57</v>
      </c>
      <c r="O236" s="63"/>
      <c r="P236" s="32"/>
      <c r="Q236" s="36"/>
      <c r="R236" s="37"/>
    </row>
    <row r="237" spans="1:18" s="18" customFormat="1" ht="19.2" x14ac:dyDescent="0.45">
      <c r="A237" s="29" t="s">
        <v>374</v>
      </c>
      <c r="B237" s="29" t="s">
        <v>838</v>
      </c>
      <c r="C237" s="38" t="s">
        <v>919</v>
      </c>
      <c r="D237" s="31" t="s">
        <v>284</v>
      </c>
      <c r="E237" s="32"/>
      <c r="F237" s="32"/>
      <c r="G237" s="33"/>
      <c r="H237" s="64"/>
      <c r="I237" s="34" t="s">
        <v>293</v>
      </c>
      <c r="J237" s="34" t="s">
        <v>1630</v>
      </c>
      <c r="K237" s="35">
        <v>5.5</v>
      </c>
      <c r="L237" s="32">
        <v>280</v>
      </c>
      <c r="M237" s="32">
        <v>540</v>
      </c>
      <c r="N237" s="32">
        <v>62</v>
      </c>
      <c r="O237" s="63"/>
      <c r="P237" s="32"/>
      <c r="Q237" s="36"/>
      <c r="R237" s="37"/>
    </row>
    <row r="238" spans="1:18" s="18" customFormat="1" ht="19.2" x14ac:dyDescent="0.45">
      <c r="A238" s="29" t="s">
        <v>374</v>
      </c>
      <c r="B238" s="29" t="s">
        <v>756</v>
      </c>
      <c r="C238" s="38" t="s">
        <v>919</v>
      </c>
      <c r="D238" s="31" t="s">
        <v>284</v>
      </c>
      <c r="E238" s="32"/>
      <c r="F238" s="32"/>
      <c r="G238" s="33"/>
      <c r="H238" s="64"/>
      <c r="I238" s="34" t="s">
        <v>301</v>
      </c>
      <c r="J238" s="34" t="s">
        <v>1632</v>
      </c>
      <c r="K238" s="35">
        <v>4</v>
      </c>
      <c r="L238" s="32">
        <v>225</v>
      </c>
      <c r="M238" s="32">
        <v>420</v>
      </c>
      <c r="N238" s="32">
        <v>42</v>
      </c>
      <c r="O238" s="63"/>
      <c r="P238" s="32"/>
      <c r="Q238" s="36"/>
      <c r="R238" s="37"/>
    </row>
    <row r="239" spans="1:18" s="18" customFormat="1" ht="19.2" x14ac:dyDescent="0.45">
      <c r="A239" s="29" t="s">
        <v>557</v>
      </c>
      <c r="B239" s="29" t="s">
        <v>558</v>
      </c>
      <c r="C239" s="38" t="s">
        <v>919</v>
      </c>
      <c r="D239" s="31" t="s">
        <v>284</v>
      </c>
      <c r="E239" s="32"/>
      <c r="F239" s="32"/>
      <c r="G239" s="33"/>
      <c r="H239" s="64"/>
      <c r="I239" s="34" t="s">
        <v>301</v>
      </c>
      <c r="J239" s="34" t="s">
        <v>1632</v>
      </c>
      <c r="K239" s="35">
        <v>4.5</v>
      </c>
      <c r="L239" s="32">
        <v>225</v>
      </c>
      <c r="M239" s="32">
        <v>420</v>
      </c>
      <c r="N239" s="32">
        <v>52</v>
      </c>
      <c r="O239" s="63"/>
      <c r="P239" s="32"/>
      <c r="Q239" s="36"/>
      <c r="R239" s="37"/>
    </row>
    <row r="240" spans="1:18" s="18" customFormat="1" ht="19.2" x14ac:dyDescent="0.45">
      <c r="A240" s="29" t="s">
        <v>557</v>
      </c>
      <c r="B240" s="29" t="s">
        <v>559</v>
      </c>
      <c r="C240" s="38" t="s">
        <v>919</v>
      </c>
      <c r="D240" s="31" t="s">
        <v>284</v>
      </c>
      <c r="E240" s="32"/>
      <c r="F240" s="32"/>
      <c r="G240" s="33"/>
      <c r="H240" s="64"/>
      <c r="I240" s="34" t="s">
        <v>301</v>
      </c>
      <c r="J240" s="34" t="s">
        <v>1631</v>
      </c>
      <c r="K240" s="35">
        <v>4.5</v>
      </c>
      <c r="L240" s="32">
        <v>250</v>
      </c>
      <c r="M240" s="32">
        <v>420</v>
      </c>
      <c r="N240" s="32">
        <v>52</v>
      </c>
      <c r="O240" s="63"/>
      <c r="P240" s="32"/>
      <c r="Q240" s="36"/>
      <c r="R240" s="37"/>
    </row>
    <row r="241" spans="1:18" s="15" customFormat="1" ht="42.75" customHeight="1" x14ac:dyDescent="0.45">
      <c r="A241" s="29" t="s">
        <v>441</v>
      </c>
      <c r="B241" s="29" t="s">
        <v>443</v>
      </c>
      <c r="C241" s="38" t="s">
        <v>920</v>
      </c>
      <c r="D241" s="31" t="s">
        <v>347</v>
      </c>
      <c r="E241" s="32" t="s">
        <v>442</v>
      </c>
      <c r="F241" s="32"/>
      <c r="G241" s="33"/>
      <c r="H241" s="39" t="s">
        <v>771</v>
      </c>
      <c r="I241" s="32" t="s">
        <v>423</v>
      </c>
      <c r="J241" s="34" t="s">
        <v>311</v>
      </c>
      <c r="K241" s="35" t="s">
        <v>311</v>
      </c>
      <c r="L241" s="32" t="s">
        <v>311</v>
      </c>
      <c r="M241" s="32" t="s">
        <v>311</v>
      </c>
      <c r="N241" s="32" t="s">
        <v>311</v>
      </c>
      <c r="O241" s="32" t="s">
        <v>311</v>
      </c>
      <c r="P241" s="32"/>
      <c r="Q241" s="36"/>
      <c r="R241" s="37" t="s">
        <v>1633</v>
      </c>
    </row>
    <row r="242" spans="1:18" s="15" customFormat="1" ht="52.5" customHeight="1" x14ac:dyDescent="0.45">
      <c r="A242" s="29" t="s">
        <v>436</v>
      </c>
      <c r="B242" s="29" t="s">
        <v>1120</v>
      </c>
      <c r="C242" s="30" t="s">
        <v>1114</v>
      </c>
      <c r="D242" s="31"/>
      <c r="E242" s="32" t="s">
        <v>279</v>
      </c>
      <c r="F242" s="32"/>
      <c r="G242" s="33"/>
      <c r="H242" s="31"/>
      <c r="I242" s="34">
        <v>1980</v>
      </c>
      <c r="J242" s="34" t="s">
        <v>1112</v>
      </c>
      <c r="K242" s="35">
        <v>4</v>
      </c>
      <c r="L242" s="32">
        <v>226</v>
      </c>
      <c r="M242" s="32">
        <v>420</v>
      </c>
      <c r="N242" s="32">
        <v>42</v>
      </c>
      <c r="O242" s="32">
        <v>790</v>
      </c>
      <c r="P242" s="32">
        <v>550</v>
      </c>
      <c r="Q242" s="36" t="s">
        <v>423</v>
      </c>
      <c r="R242" s="37" t="s">
        <v>1634</v>
      </c>
    </row>
    <row r="243" spans="1:18" s="15" customFormat="1" ht="52.5" customHeight="1" x14ac:dyDescent="0.45">
      <c r="A243" s="29" t="s">
        <v>436</v>
      </c>
      <c r="B243" s="29" t="s">
        <v>1121</v>
      </c>
      <c r="C243" s="30" t="s">
        <v>1114</v>
      </c>
      <c r="D243" s="31"/>
      <c r="E243" s="32" t="s">
        <v>279</v>
      </c>
      <c r="F243" s="32"/>
      <c r="G243" s="33"/>
      <c r="H243" s="31"/>
      <c r="I243" s="34">
        <v>1980</v>
      </c>
      <c r="J243" s="34" t="s">
        <v>1112</v>
      </c>
      <c r="K243" s="35">
        <v>4</v>
      </c>
      <c r="L243" s="32">
        <v>226</v>
      </c>
      <c r="M243" s="32">
        <v>420</v>
      </c>
      <c r="N243" s="32">
        <v>42</v>
      </c>
      <c r="O243" s="32">
        <v>790</v>
      </c>
      <c r="P243" s="32">
        <v>550</v>
      </c>
      <c r="Q243" s="36" t="s">
        <v>1113</v>
      </c>
      <c r="R243" s="37" t="s">
        <v>1635</v>
      </c>
    </row>
    <row r="244" spans="1:18" s="15" customFormat="1" ht="52.5" customHeight="1" x14ac:dyDescent="0.45">
      <c r="A244" s="29" t="s">
        <v>135</v>
      </c>
      <c r="B244" s="29" t="s">
        <v>1120</v>
      </c>
      <c r="C244" s="30" t="s">
        <v>633</v>
      </c>
      <c r="D244" s="31"/>
      <c r="E244" s="32" t="s">
        <v>279</v>
      </c>
      <c r="F244" s="32"/>
      <c r="G244" s="33"/>
      <c r="H244" s="31"/>
      <c r="I244" s="34">
        <v>2304</v>
      </c>
      <c r="J244" s="34" t="s">
        <v>1119</v>
      </c>
      <c r="K244" s="35">
        <v>5.5</v>
      </c>
      <c r="L244" s="32">
        <v>334</v>
      </c>
      <c r="M244" s="32">
        <v>600</v>
      </c>
      <c r="N244" s="32">
        <v>72</v>
      </c>
      <c r="O244" s="32">
        <v>1095</v>
      </c>
      <c r="P244" s="32">
        <v>785</v>
      </c>
      <c r="Q244" s="36"/>
      <c r="R244" s="37" t="s">
        <v>1636</v>
      </c>
    </row>
    <row r="245" spans="1:18" s="15" customFormat="1" ht="21" customHeight="1" x14ac:dyDescent="0.45">
      <c r="A245" s="29" t="s">
        <v>307</v>
      </c>
      <c r="B245" s="29" t="s">
        <v>330</v>
      </c>
      <c r="C245" s="38" t="s">
        <v>328</v>
      </c>
      <c r="D245" s="31" t="s">
        <v>589</v>
      </c>
      <c r="E245" s="32" t="s">
        <v>287</v>
      </c>
      <c r="F245" s="32"/>
      <c r="G245" s="33"/>
      <c r="H245" s="39">
        <v>140</v>
      </c>
      <c r="I245" s="34" t="s">
        <v>591</v>
      </c>
      <c r="J245" s="34" t="s">
        <v>1007</v>
      </c>
      <c r="K245" s="35">
        <v>4</v>
      </c>
      <c r="L245" s="32">
        <v>225</v>
      </c>
      <c r="M245" s="32"/>
      <c r="N245" s="32">
        <v>42</v>
      </c>
      <c r="O245" s="34">
        <v>790</v>
      </c>
      <c r="P245" s="32"/>
      <c r="Q245" s="36"/>
      <c r="R245" s="37" t="s">
        <v>730</v>
      </c>
    </row>
    <row r="246" spans="1:18" s="15" customFormat="1" ht="31.5" customHeight="1" x14ac:dyDescent="0.45">
      <c r="A246" s="29" t="s">
        <v>136</v>
      </c>
      <c r="B246" s="29" t="s">
        <v>316</v>
      </c>
      <c r="C246" s="30" t="s">
        <v>1637</v>
      </c>
      <c r="D246" s="31" t="s">
        <v>284</v>
      </c>
      <c r="E246" s="32"/>
      <c r="F246" s="32"/>
      <c r="G246" s="33"/>
      <c r="H246" s="31">
        <v>160</v>
      </c>
      <c r="I246" s="32" t="s">
        <v>293</v>
      </c>
      <c r="J246" s="34" t="s">
        <v>1083</v>
      </c>
      <c r="K246" s="35">
        <v>5.5</v>
      </c>
      <c r="L246" s="32">
        <v>309</v>
      </c>
      <c r="M246" s="32"/>
      <c r="N246" s="32">
        <v>72</v>
      </c>
      <c r="O246" s="34">
        <v>1095</v>
      </c>
      <c r="P246" s="32"/>
      <c r="Q246" s="36"/>
      <c r="R246" s="37" t="s">
        <v>691</v>
      </c>
    </row>
    <row r="247" spans="1:18" s="15" customFormat="1" ht="31.5" customHeight="1" x14ac:dyDescent="0.45">
      <c r="A247" s="29" t="s">
        <v>305</v>
      </c>
      <c r="B247" s="29" t="s">
        <v>306</v>
      </c>
      <c r="C247" s="38" t="s">
        <v>317</v>
      </c>
      <c r="D247" s="31" t="s">
        <v>284</v>
      </c>
      <c r="E247" s="32" t="s">
        <v>588</v>
      </c>
      <c r="F247" s="32"/>
      <c r="G247" s="33"/>
      <c r="H247" s="31"/>
      <c r="I247" s="32">
        <v>2200</v>
      </c>
      <c r="J247" s="34"/>
      <c r="K247" s="35">
        <v>5.5</v>
      </c>
      <c r="L247" s="32">
        <v>290</v>
      </c>
      <c r="M247" s="32"/>
      <c r="N247" s="32">
        <v>64</v>
      </c>
      <c r="O247" s="32">
        <v>980</v>
      </c>
      <c r="P247" s="32"/>
      <c r="Q247" s="36"/>
      <c r="R247" s="37" t="s">
        <v>1485</v>
      </c>
    </row>
    <row r="248" spans="1:18" s="15" customFormat="1" ht="21" customHeight="1" x14ac:dyDescent="0.45">
      <c r="A248" s="29" t="s">
        <v>136</v>
      </c>
      <c r="B248" s="29" t="s">
        <v>298</v>
      </c>
      <c r="C248" s="38" t="s">
        <v>327</v>
      </c>
      <c r="D248" s="31" t="s">
        <v>586</v>
      </c>
      <c r="E248" s="32"/>
      <c r="F248" s="32"/>
      <c r="G248" s="33"/>
      <c r="H248" s="31"/>
      <c r="I248" s="32" t="s">
        <v>587</v>
      </c>
      <c r="J248" s="34" t="s">
        <v>1007</v>
      </c>
      <c r="K248" s="35">
        <v>4</v>
      </c>
      <c r="L248" s="32">
        <v>225</v>
      </c>
      <c r="M248" s="32"/>
      <c r="N248" s="32">
        <v>42</v>
      </c>
      <c r="O248" s="32"/>
      <c r="P248" s="32"/>
      <c r="Q248" s="36"/>
      <c r="R248" s="37"/>
    </row>
    <row r="249" spans="1:18" s="15" customFormat="1" ht="21" customHeight="1" x14ac:dyDescent="0.45">
      <c r="A249" s="29" t="s">
        <v>305</v>
      </c>
      <c r="B249" s="29" t="s">
        <v>308</v>
      </c>
      <c r="C249" s="38" t="s">
        <v>329</v>
      </c>
      <c r="D249" s="31" t="s">
        <v>284</v>
      </c>
      <c r="E249" s="32" t="s">
        <v>287</v>
      </c>
      <c r="F249" s="32"/>
      <c r="G249" s="33"/>
      <c r="H249" s="39">
        <v>140</v>
      </c>
      <c r="I249" s="34" t="s">
        <v>591</v>
      </c>
      <c r="J249" s="34" t="s">
        <v>1007</v>
      </c>
      <c r="K249" s="35">
        <v>4</v>
      </c>
      <c r="L249" s="32">
        <v>225</v>
      </c>
      <c r="M249" s="32"/>
      <c r="N249" s="32">
        <v>42</v>
      </c>
      <c r="O249" s="34">
        <v>790</v>
      </c>
      <c r="P249" s="32"/>
      <c r="Q249" s="36"/>
      <c r="R249" s="37" t="s">
        <v>730</v>
      </c>
    </row>
    <row r="250" spans="1:18" s="15" customFormat="1" ht="28.8" x14ac:dyDescent="0.45">
      <c r="A250" s="29" t="s">
        <v>137</v>
      </c>
      <c r="B250" s="29" t="s">
        <v>1470</v>
      </c>
      <c r="C250" s="30" t="s">
        <v>697</v>
      </c>
      <c r="D250" s="31"/>
      <c r="E250" s="32" t="s">
        <v>279</v>
      </c>
      <c r="F250" s="32"/>
      <c r="G250" s="33"/>
      <c r="H250" s="39"/>
      <c r="I250" s="34">
        <v>1980</v>
      </c>
      <c r="J250" s="34" t="s">
        <v>1072</v>
      </c>
      <c r="K250" s="40"/>
      <c r="L250" s="34">
        <v>225</v>
      </c>
      <c r="M250" s="34">
        <v>420</v>
      </c>
      <c r="N250" s="34">
        <v>50</v>
      </c>
      <c r="O250" s="34"/>
      <c r="P250" s="34"/>
      <c r="Q250" s="41"/>
      <c r="R250" s="37" t="s">
        <v>1638</v>
      </c>
    </row>
    <row r="251" spans="1:18" s="15" customFormat="1" ht="19.2" x14ac:dyDescent="0.45">
      <c r="A251" s="29" t="s">
        <v>137</v>
      </c>
      <c r="B251" s="29" t="s">
        <v>1247</v>
      </c>
      <c r="C251" s="30" t="s">
        <v>696</v>
      </c>
      <c r="D251" s="31" t="s">
        <v>284</v>
      </c>
      <c r="E251" s="32"/>
      <c r="F251" s="32"/>
      <c r="G251" s="33"/>
      <c r="H251" s="39"/>
      <c r="I251" s="34">
        <v>1980</v>
      </c>
      <c r="J251" s="34" t="s">
        <v>1072</v>
      </c>
      <c r="K251" s="40"/>
      <c r="L251" s="34">
        <v>225</v>
      </c>
      <c r="M251" s="34"/>
      <c r="N251" s="34"/>
      <c r="O251" s="34"/>
      <c r="P251" s="34"/>
      <c r="Q251" s="41"/>
      <c r="R251" s="37" t="s">
        <v>1639</v>
      </c>
    </row>
    <row r="252" spans="1:18" s="15" customFormat="1" ht="28.8" x14ac:dyDescent="0.45">
      <c r="A252" s="29" t="s">
        <v>138</v>
      </c>
      <c r="B252" s="29" t="s">
        <v>303</v>
      </c>
      <c r="C252" s="30" t="s">
        <v>1248</v>
      </c>
      <c r="D252" s="31" t="s">
        <v>284</v>
      </c>
      <c r="E252" s="32"/>
      <c r="F252" s="32"/>
      <c r="G252" s="33"/>
      <c r="H252" s="39" t="s">
        <v>1503</v>
      </c>
      <c r="I252" s="32">
        <v>1700</v>
      </c>
      <c r="J252" s="34" t="s">
        <v>1016</v>
      </c>
      <c r="K252" s="35">
        <v>4</v>
      </c>
      <c r="L252" s="32">
        <v>135</v>
      </c>
      <c r="M252" s="32">
        <v>235</v>
      </c>
      <c r="N252" s="32">
        <v>42</v>
      </c>
      <c r="O252" s="32">
        <v>625</v>
      </c>
      <c r="P252" s="32"/>
      <c r="Q252" s="36"/>
      <c r="R252" s="37" t="s">
        <v>1640</v>
      </c>
    </row>
    <row r="253" spans="1:18" s="15" customFormat="1" ht="38.4" x14ac:dyDescent="0.45">
      <c r="A253" s="29" t="s">
        <v>138</v>
      </c>
      <c r="B253" s="29" t="s">
        <v>887</v>
      </c>
      <c r="C253" s="30" t="s">
        <v>1115</v>
      </c>
      <c r="D253" s="31"/>
      <c r="E253" s="32" t="s">
        <v>279</v>
      </c>
      <c r="F253" s="32"/>
      <c r="G253" s="33"/>
      <c r="H253" s="39" t="s">
        <v>1503</v>
      </c>
      <c r="I253" s="32">
        <v>1700</v>
      </c>
      <c r="J253" s="34" t="s">
        <v>1016</v>
      </c>
      <c r="K253" s="35">
        <v>4</v>
      </c>
      <c r="L253" s="32">
        <v>135</v>
      </c>
      <c r="M253" s="32">
        <v>235</v>
      </c>
      <c r="N253" s="32">
        <v>42</v>
      </c>
      <c r="O253" s="32">
        <v>625</v>
      </c>
      <c r="P253" s="32"/>
      <c r="Q253" s="36"/>
      <c r="R253" s="37" t="s">
        <v>1641</v>
      </c>
    </row>
    <row r="254" spans="1:18" s="15" customFormat="1" ht="28.8" x14ac:dyDescent="0.45">
      <c r="A254" s="29" t="s">
        <v>494</v>
      </c>
      <c r="B254" s="29" t="s">
        <v>479</v>
      </c>
      <c r="C254" s="30" t="s">
        <v>826</v>
      </c>
      <c r="D254" s="31" t="s">
        <v>284</v>
      </c>
      <c r="E254" s="32" t="s">
        <v>519</v>
      </c>
      <c r="F254" s="32"/>
      <c r="G254" s="33"/>
      <c r="H254" s="31">
        <v>140</v>
      </c>
      <c r="I254" s="32">
        <v>1980</v>
      </c>
      <c r="J254" s="34" t="s">
        <v>1013</v>
      </c>
      <c r="K254" s="35">
        <v>4</v>
      </c>
      <c r="L254" s="32">
        <v>225</v>
      </c>
      <c r="M254" s="32">
        <v>420</v>
      </c>
      <c r="N254" s="32">
        <v>42</v>
      </c>
      <c r="O254" s="32">
        <v>1150</v>
      </c>
      <c r="P254" s="32"/>
      <c r="Q254" s="36"/>
      <c r="R254" s="37" t="s">
        <v>692</v>
      </c>
    </row>
    <row r="255" spans="1:18" s="15" customFormat="1" ht="42" customHeight="1" x14ac:dyDescent="0.45">
      <c r="A255" s="29" t="s">
        <v>139</v>
      </c>
      <c r="B255" s="29" t="s">
        <v>303</v>
      </c>
      <c r="C255" s="30" t="s">
        <v>904</v>
      </c>
      <c r="D255" s="31"/>
      <c r="E255" s="34" t="s">
        <v>905</v>
      </c>
      <c r="F255" s="32"/>
      <c r="G255" s="33"/>
      <c r="H255" s="39" t="s">
        <v>906</v>
      </c>
      <c r="I255" s="32" t="s">
        <v>423</v>
      </c>
      <c r="J255" s="32" t="s">
        <v>311</v>
      </c>
      <c r="K255" s="35" t="s">
        <v>311</v>
      </c>
      <c r="L255" s="32" t="s">
        <v>311</v>
      </c>
      <c r="M255" s="32" t="s">
        <v>311</v>
      </c>
      <c r="N255" s="32" t="s">
        <v>311</v>
      </c>
      <c r="O255" s="32"/>
      <c r="P255" s="32"/>
      <c r="Q255" s="36"/>
      <c r="R255" s="57" t="s">
        <v>907</v>
      </c>
    </row>
    <row r="256" spans="1:18" s="15" customFormat="1" ht="19.2" x14ac:dyDescent="0.45">
      <c r="A256" s="29" t="s">
        <v>315</v>
      </c>
      <c r="B256" s="29" t="s">
        <v>350</v>
      </c>
      <c r="C256" s="30" t="s">
        <v>349</v>
      </c>
      <c r="D256" s="31"/>
      <c r="E256" s="32" t="s">
        <v>279</v>
      </c>
      <c r="F256" s="32"/>
      <c r="G256" s="33"/>
      <c r="H256" s="39" t="s">
        <v>771</v>
      </c>
      <c r="I256" s="32" t="s">
        <v>423</v>
      </c>
      <c r="J256" s="34" t="s">
        <v>311</v>
      </c>
      <c r="K256" s="40" t="s">
        <v>311</v>
      </c>
      <c r="L256" s="34" t="s">
        <v>311</v>
      </c>
      <c r="M256" s="34" t="s">
        <v>311</v>
      </c>
      <c r="N256" s="34" t="s">
        <v>311</v>
      </c>
      <c r="O256" s="34"/>
      <c r="P256" s="34"/>
      <c r="Q256" s="41"/>
      <c r="R256" s="57" t="s">
        <v>908</v>
      </c>
    </row>
    <row r="257" spans="1:18" s="15" customFormat="1" ht="31.5" customHeight="1" x14ac:dyDescent="0.45">
      <c r="A257" s="29" t="s">
        <v>140</v>
      </c>
      <c r="B257" s="29" t="s">
        <v>440</v>
      </c>
      <c r="C257" s="30" t="s">
        <v>1192</v>
      </c>
      <c r="D257" s="31"/>
      <c r="E257" s="32" t="s">
        <v>279</v>
      </c>
      <c r="F257" s="32"/>
      <c r="G257" s="33"/>
      <c r="H257" s="31"/>
      <c r="I257" s="34" t="s">
        <v>341</v>
      </c>
      <c r="J257" s="34" t="s">
        <v>1013</v>
      </c>
      <c r="K257" s="35">
        <v>4.5</v>
      </c>
      <c r="L257" s="32">
        <v>200</v>
      </c>
      <c r="M257" s="32">
        <v>350</v>
      </c>
      <c r="N257" s="32">
        <v>45</v>
      </c>
      <c r="O257" s="32">
        <v>625</v>
      </c>
      <c r="P257" s="32"/>
      <c r="Q257" s="36"/>
      <c r="R257" s="37" t="s">
        <v>791</v>
      </c>
    </row>
    <row r="258" spans="1:18" s="15" customFormat="1" ht="21" customHeight="1" x14ac:dyDescent="0.45">
      <c r="A258" s="29" t="s">
        <v>141</v>
      </c>
      <c r="B258" s="29" t="s">
        <v>296</v>
      </c>
      <c r="C258" s="30" t="s">
        <v>792</v>
      </c>
      <c r="D258" s="31" t="s">
        <v>284</v>
      </c>
      <c r="E258" s="32"/>
      <c r="F258" s="32"/>
      <c r="G258" s="33"/>
      <c r="H258" s="31">
        <v>160</v>
      </c>
      <c r="I258" s="32">
        <v>2200</v>
      </c>
      <c r="J258" s="34" t="s">
        <v>297</v>
      </c>
      <c r="K258" s="35">
        <v>5.5</v>
      </c>
      <c r="L258" s="32">
        <v>280</v>
      </c>
      <c r="M258" s="32">
        <v>470</v>
      </c>
      <c r="N258" s="32">
        <v>60</v>
      </c>
      <c r="O258" s="32"/>
      <c r="P258" s="32"/>
      <c r="Q258" s="36"/>
      <c r="R258" s="37" t="s">
        <v>793</v>
      </c>
    </row>
    <row r="259" spans="1:18" s="15" customFormat="1" ht="19.2" x14ac:dyDescent="0.45">
      <c r="A259" s="29" t="s">
        <v>141</v>
      </c>
      <c r="B259" s="29" t="s">
        <v>300</v>
      </c>
      <c r="C259" s="30" t="s">
        <v>310</v>
      </c>
      <c r="D259" s="31"/>
      <c r="E259" s="32" t="s">
        <v>279</v>
      </c>
      <c r="F259" s="32"/>
      <c r="G259" s="33"/>
      <c r="H259" s="31"/>
      <c r="I259" s="32" t="s">
        <v>301</v>
      </c>
      <c r="J259" s="34" t="s">
        <v>1282</v>
      </c>
      <c r="K259" s="35">
        <v>4</v>
      </c>
      <c r="L259" s="32"/>
      <c r="M259" s="32"/>
      <c r="N259" s="32">
        <v>42</v>
      </c>
      <c r="O259" s="32"/>
      <c r="P259" s="32"/>
      <c r="Q259" s="36"/>
      <c r="R259" s="37" t="s">
        <v>728</v>
      </c>
    </row>
    <row r="260" spans="1:18" s="15" customFormat="1" ht="19.2" x14ac:dyDescent="0.45">
      <c r="A260" s="29" t="s">
        <v>146</v>
      </c>
      <c r="B260" s="29" t="s">
        <v>303</v>
      </c>
      <c r="C260" s="30" t="s">
        <v>737</v>
      </c>
      <c r="D260" s="31"/>
      <c r="E260" s="32" t="s">
        <v>279</v>
      </c>
      <c r="F260" s="30"/>
      <c r="G260" s="33"/>
      <c r="H260" s="39" t="s">
        <v>370</v>
      </c>
      <c r="I260" s="62">
        <v>1700</v>
      </c>
      <c r="J260" s="65" t="s">
        <v>1554</v>
      </c>
      <c r="K260" s="35">
        <v>4</v>
      </c>
      <c r="L260" s="62">
        <v>135</v>
      </c>
      <c r="M260" s="62">
        <v>235</v>
      </c>
      <c r="N260" s="62">
        <v>42</v>
      </c>
      <c r="O260" s="32">
        <v>385</v>
      </c>
      <c r="P260" s="35"/>
      <c r="Q260" s="36"/>
      <c r="R260" s="37" t="s">
        <v>1556</v>
      </c>
    </row>
    <row r="261" spans="1:18" s="15" customFormat="1" ht="19.2" x14ac:dyDescent="0.45">
      <c r="A261" s="29" t="s">
        <v>146</v>
      </c>
      <c r="B261" s="29" t="s">
        <v>967</v>
      </c>
      <c r="C261" s="30" t="s">
        <v>968</v>
      </c>
      <c r="D261" s="31" t="s">
        <v>284</v>
      </c>
      <c r="E261" s="32"/>
      <c r="F261" s="32"/>
      <c r="G261" s="33"/>
      <c r="H261" s="31">
        <v>140</v>
      </c>
      <c r="I261" s="34">
        <v>1950</v>
      </c>
      <c r="J261" s="34" t="s">
        <v>1007</v>
      </c>
      <c r="K261" s="35">
        <v>4</v>
      </c>
      <c r="L261" s="32">
        <v>225</v>
      </c>
      <c r="M261" s="32">
        <v>420</v>
      </c>
      <c r="N261" s="32">
        <v>42</v>
      </c>
      <c r="O261" s="32">
        <v>1150</v>
      </c>
      <c r="P261" s="32"/>
      <c r="Q261" s="36"/>
      <c r="R261" s="37" t="s">
        <v>1296</v>
      </c>
    </row>
    <row r="262" spans="1:18" s="15" customFormat="1" ht="38.4" x14ac:dyDescent="0.45">
      <c r="A262" s="29" t="s">
        <v>147</v>
      </c>
      <c r="B262" s="29" t="s">
        <v>309</v>
      </c>
      <c r="C262" s="30" t="s">
        <v>612</v>
      </c>
      <c r="D262" s="31"/>
      <c r="E262" s="32" t="s">
        <v>287</v>
      </c>
      <c r="F262" s="32"/>
      <c r="G262" s="33"/>
      <c r="H262" s="39" t="s">
        <v>679</v>
      </c>
      <c r="I262" s="34">
        <v>1700</v>
      </c>
      <c r="J262" s="34">
        <v>680</v>
      </c>
      <c r="K262" s="35">
        <v>4</v>
      </c>
      <c r="L262" s="32">
        <v>135</v>
      </c>
      <c r="M262" s="32">
        <v>235</v>
      </c>
      <c r="N262" s="32">
        <v>42</v>
      </c>
      <c r="O262" s="32">
        <v>385</v>
      </c>
      <c r="P262" s="32"/>
      <c r="Q262" s="36"/>
      <c r="R262" s="37" t="s">
        <v>1642</v>
      </c>
    </row>
    <row r="263" spans="1:18" s="15" customFormat="1" ht="42" customHeight="1" x14ac:dyDescent="0.45">
      <c r="A263" s="29" t="s">
        <v>157</v>
      </c>
      <c r="B263" s="29" t="s">
        <v>880</v>
      </c>
      <c r="C263" s="30" t="s">
        <v>310</v>
      </c>
      <c r="D263" s="31"/>
      <c r="E263" s="32" t="s">
        <v>279</v>
      </c>
      <c r="F263" s="58"/>
      <c r="G263" s="33"/>
      <c r="H263" s="39" t="s">
        <v>901</v>
      </c>
      <c r="I263" s="32">
        <v>1825</v>
      </c>
      <c r="J263" s="34">
        <v>825</v>
      </c>
      <c r="K263" s="35"/>
      <c r="L263" s="32">
        <v>195</v>
      </c>
      <c r="M263" s="32">
        <v>330</v>
      </c>
      <c r="N263" s="32"/>
      <c r="O263" s="32">
        <v>890</v>
      </c>
      <c r="P263" s="32"/>
      <c r="Q263" s="36"/>
      <c r="R263" s="37" t="s">
        <v>913</v>
      </c>
    </row>
    <row r="264" spans="1:18" s="15" customFormat="1" ht="13.2" x14ac:dyDescent="0.45">
      <c r="A264" s="29" t="s">
        <v>148</v>
      </c>
      <c r="B264" s="29" t="s">
        <v>966</v>
      </c>
      <c r="C264" s="30" t="s">
        <v>844</v>
      </c>
      <c r="D264" s="31"/>
      <c r="E264" s="32"/>
      <c r="F264" s="32"/>
      <c r="G264" s="33" t="s">
        <v>840</v>
      </c>
      <c r="H264" s="31" t="s">
        <v>423</v>
      </c>
      <c r="I264" s="32" t="s">
        <v>423</v>
      </c>
      <c r="J264" s="32" t="s">
        <v>423</v>
      </c>
      <c r="K264" s="32" t="s">
        <v>423</v>
      </c>
      <c r="L264" s="32" t="s">
        <v>423</v>
      </c>
      <c r="M264" s="32"/>
      <c r="N264" s="32" t="s">
        <v>311</v>
      </c>
      <c r="O264" s="32"/>
      <c r="P264" s="32" t="s">
        <v>311</v>
      </c>
      <c r="Q264" s="36"/>
      <c r="R264" s="37" t="s">
        <v>839</v>
      </c>
    </row>
    <row r="265" spans="1:18" s="15" customFormat="1" ht="26.4" customHeight="1" x14ac:dyDescent="0.45">
      <c r="A265" s="29" t="s">
        <v>149</v>
      </c>
      <c r="B265" s="29" t="s">
        <v>303</v>
      </c>
      <c r="C265" s="30" t="s">
        <v>737</v>
      </c>
      <c r="D265" s="31"/>
      <c r="E265" s="32" t="s">
        <v>279</v>
      </c>
      <c r="F265" s="32"/>
      <c r="G265" s="33"/>
      <c r="H265" s="31" t="s">
        <v>1557</v>
      </c>
      <c r="I265" s="32" t="s">
        <v>341</v>
      </c>
      <c r="J265" s="32">
        <v>680</v>
      </c>
      <c r="K265" s="56">
        <v>4</v>
      </c>
      <c r="L265" s="32">
        <v>135</v>
      </c>
      <c r="M265" s="32">
        <v>235</v>
      </c>
      <c r="N265" s="32">
        <v>42</v>
      </c>
      <c r="O265" s="32">
        <v>385</v>
      </c>
      <c r="P265" s="32"/>
      <c r="Q265" s="36"/>
      <c r="R265" s="37" t="s">
        <v>1560</v>
      </c>
    </row>
    <row r="266" spans="1:18" s="15" customFormat="1" ht="31.5" customHeight="1" x14ac:dyDescent="0.45">
      <c r="A266" s="29" t="s">
        <v>150</v>
      </c>
      <c r="B266" s="29" t="s">
        <v>375</v>
      </c>
      <c r="C266" s="30" t="s">
        <v>1185</v>
      </c>
      <c r="D266" s="31"/>
      <c r="E266" s="32" t="s">
        <v>279</v>
      </c>
      <c r="F266" s="32"/>
      <c r="G266" s="33"/>
      <c r="H266" s="31"/>
      <c r="I266" s="32" t="s">
        <v>423</v>
      </c>
      <c r="J266" s="34"/>
      <c r="K266" s="35"/>
      <c r="L266" s="32"/>
      <c r="M266" s="32"/>
      <c r="N266" s="32"/>
      <c r="O266" s="32"/>
      <c r="P266" s="32"/>
      <c r="Q266" s="36"/>
      <c r="R266" s="37" t="s">
        <v>974</v>
      </c>
    </row>
    <row r="267" spans="1:18" s="15" customFormat="1" ht="21" customHeight="1" x14ac:dyDescent="0.45">
      <c r="A267" s="29" t="s">
        <v>150</v>
      </c>
      <c r="B267" s="29" t="s">
        <v>375</v>
      </c>
      <c r="C267" s="30" t="s">
        <v>1188</v>
      </c>
      <c r="D267" s="31"/>
      <c r="E267" s="32" t="s">
        <v>279</v>
      </c>
      <c r="F267" s="32"/>
      <c r="G267" s="33"/>
      <c r="H267" s="31"/>
      <c r="I267" s="32" t="s">
        <v>423</v>
      </c>
      <c r="J267" s="34"/>
      <c r="K267" s="35"/>
      <c r="L267" s="32"/>
      <c r="M267" s="32"/>
      <c r="N267" s="32"/>
      <c r="O267" s="32"/>
      <c r="P267" s="32"/>
      <c r="Q267" s="36"/>
      <c r="R267" s="37" t="s">
        <v>1643</v>
      </c>
    </row>
    <row r="268" spans="1:18" s="15" customFormat="1" ht="20.399999999999999" customHeight="1" x14ac:dyDescent="0.45">
      <c r="A268" s="29" t="s">
        <v>151</v>
      </c>
      <c r="B268" s="29" t="s">
        <v>1319</v>
      </c>
      <c r="C268" s="30" t="s">
        <v>1504</v>
      </c>
      <c r="D268" s="31"/>
      <c r="E268" s="32" t="s">
        <v>279</v>
      </c>
      <c r="F268" s="32"/>
      <c r="G268" s="33"/>
      <c r="H268" s="31" t="s">
        <v>576</v>
      </c>
      <c r="I268" s="58" t="s">
        <v>576</v>
      </c>
      <c r="J268" s="58" t="s">
        <v>576</v>
      </c>
      <c r="K268" s="35"/>
      <c r="L268" s="58" t="s">
        <v>576</v>
      </c>
      <c r="M268" s="32" t="s">
        <v>576</v>
      </c>
      <c r="N268" s="32" t="s">
        <v>576</v>
      </c>
      <c r="O268" s="32"/>
      <c r="P268" s="58" t="s">
        <v>576</v>
      </c>
      <c r="Q268" s="36"/>
      <c r="R268" s="37" t="s">
        <v>1468</v>
      </c>
    </row>
    <row r="269" spans="1:18" s="18" customFormat="1" ht="48" x14ac:dyDescent="0.45">
      <c r="A269" s="29" t="s">
        <v>158</v>
      </c>
      <c r="B269" s="29" t="s">
        <v>1332</v>
      </c>
      <c r="C269" s="30" t="s">
        <v>1333</v>
      </c>
      <c r="D269" s="31"/>
      <c r="E269" s="32" t="s">
        <v>279</v>
      </c>
      <c r="F269" s="32"/>
      <c r="G269" s="33"/>
      <c r="H269" s="31">
        <v>120</v>
      </c>
      <c r="I269" s="32">
        <v>1700</v>
      </c>
      <c r="J269" s="34" t="s">
        <v>987</v>
      </c>
      <c r="K269" s="35">
        <v>4</v>
      </c>
      <c r="L269" s="32">
        <v>135</v>
      </c>
      <c r="M269" s="32">
        <v>235</v>
      </c>
      <c r="N269" s="32">
        <v>42</v>
      </c>
      <c r="O269" s="32">
        <v>625</v>
      </c>
      <c r="P269" s="32"/>
      <c r="Q269" s="36"/>
      <c r="R269" s="37" t="s">
        <v>1644</v>
      </c>
    </row>
    <row r="270" spans="1:18" s="15" customFormat="1" ht="31.5" customHeight="1" x14ac:dyDescent="0.45">
      <c r="A270" s="29" t="s">
        <v>152</v>
      </c>
      <c r="B270" s="29" t="s">
        <v>1060</v>
      </c>
      <c r="C270" s="30" t="s">
        <v>312</v>
      </c>
      <c r="D270" s="31"/>
      <c r="E270" s="32" t="s">
        <v>279</v>
      </c>
      <c r="F270" s="32"/>
      <c r="G270" s="33"/>
      <c r="H270" s="31">
        <v>120</v>
      </c>
      <c r="I270" s="32">
        <v>1700</v>
      </c>
      <c r="J270" s="34" t="s">
        <v>1062</v>
      </c>
      <c r="K270" s="35">
        <v>4</v>
      </c>
      <c r="L270" s="32">
        <v>135</v>
      </c>
      <c r="M270" s="32">
        <v>235</v>
      </c>
      <c r="N270" s="32">
        <v>42</v>
      </c>
      <c r="O270" s="32">
        <v>625</v>
      </c>
      <c r="P270" s="32"/>
      <c r="Q270" s="36"/>
      <c r="R270" s="37" t="s">
        <v>1645</v>
      </c>
    </row>
    <row r="271" spans="1:18" s="15" customFormat="1" ht="14.25" customHeight="1" x14ac:dyDescent="0.45">
      <c r="A271" s="29" t="s">
        <v>155</v>
      </c>
      <c r="B271" s="29" t="s">
        <v>344</v>
      </c>
      <c r="C271" s="30" t="s">
        <v>1379</v>
      </c>
      <c r="D271" s="31"/>
      <c r="E271" s="32" t="s">
        <v>279</v>
      </c>
      <c r="F271" s="32"/>
      <c r="G271" s="33"/>
      <c r="H271" s="31"/>
      <c r="I271" s="32" t="s">
        <v>301</v>
      </c>
      <c r="J271" s="34">
        <v>960</v>
      </c>
      <c r="K271" s="35"/>
      <c r="L271" s="32"/>
      <c r="M271" s="32"/>
      <c r="N271" s="32"/>
      <c r="O271" s="32"/>
      <c r="P271" s="32"/>
      <c r="Q271" s="36"/>
      <c r="R271" s="37" t="s">
        <v>1380</v>
      </c>
    </row>
    <row r="272" spans="1:18" s="15" customFormat="1" ht="21" customHeight="1" x14ac:dyDescent="0.45">
      <c r="A272" s="29" t="s">
        <v>154</v>
      </c>
      <c r="B272" s="29" t="s">
        <v>779</v>
      </c>
      <c r="C272" s="30" t="s">
        <v>400</v>
      </c>
      <c r="D272" s="31"/>
      <c r="E272" s="32" t="s">
        <v>279</v>
      </c>
      <c r="F272" s="32"/>
      <c r="G272" s="33"/>
      <c r="H272" s="31">
        <v>120</v>
      </c>
      <c r="I272" s="34" t="s">
        <v>1360</v>
      </c>
      <c r="J272" s="34">
        <v>680</v>
      </c>
      <c r="K272" s="35">
        <v>4</v>
      </c>
      <c r="L272" s="32">
        <v>135</v>
      </c>
      <c r="M272" s="32">
        <v>235</v>
      </c>
      <c r="N272" s="32">
        <v>42</v>
      </c>
      <c r="O272" s="32">
        <v>625</v>
      </c>
      <c r="P272" s="32"/>
      <c r="Q272" s="36"/>
      <c r="R272" s="37" t="s">
        <v>782</v>
      </c>
    </row>
    <row r="273" spans="1:18" s="15" customFormat="1" ht="21" customHeight="1" x14ac:dyDescent="0.45">
      <c r="A273" s="29" t="s">
        <v>153</v>
      </c>
      <c r="B273" s="29" t="s">
        <v>1180</v>
      </c>
      <c r="C273" s="30" t="s">
        <v>1181</v>
      </c>
      <c r="D273" s="31"/>
      <c r="E273" s="32"/>
      <c r="F273" s="32"/>
      <c r="G273" s="32" t="s">
        <v>279</v>
      </c>
      <c r="H273" s="31"/>
      <c r="I273" s="32"/>
      <c r="J273" s="32"/>
      <c r="K273" s="35"/>
      <c r="L273" s="32"/>
      <c r="M273" s="32"/>
      <c r="N273" s="32"/>
      <c r="O273" s="32"/>
      <c r="P273" s="32"/>
      <c r="Q273" s="41"/>
      <c r="R273" s="37" t="s">
        <v>1182</v>
      </c>
    </row>
    <row r="274" spans="1:18" s="15" customFormat="1" ht="31.5" customHeight="1" x14ac:dyDescent="0.45">
      <c r="A274" s="29" t="s">
        <v>153</v>
      </c>
      <c r="B274" s="29" t="s">
        <v>321</v>
      </c>
      <c r="C274" s="30" t="s">
        <v>319</v>
      </c>
      <c r="D274" s="31"/>
      <c r="E274" s="32" t="s">
        <v>279</v>
      </c>
      <c r="F274" s="32"/>
      <c r="G274" s="33"/>
      <c r="H274" s="31"/>
      <c r="I274" s="32" t="s">
        <v>630</v>
      </c>
      <c r="J274" s="34" t="s">
        <v>987</v>
      </c>
      <c r="K274" s="35"/>
      <c r="L274" s="32">
        <v>135</v>
      </c>
      <c r="M274" s="32"/>
      <c r="N274" s="32"/>
      <c r="O274" s="32"/>
      <c r="P274" s="32">
        <v>280</v>
      </c>
      <c r="Q274" s="41" t="s">
        <v>423</v>
      </c>
      <c r="R274" s="37" t="s">
        <v>1646</v>
      </c>
    </row>
    <row r="275" spans="1:18" s="15" customFormat="1" ht="31.5" customHeight="1" x14ac:dyDescent="0.45">
      <c r="A275" s="29" t="s">
        <v>153</v>
      </c>
      <c r="B275" s="29" t="s">
        <v>320</v>
      </c>
      <c r="C275" s="30" t="s">
        <v>319</v>
      </c>
      <c r="D275" s="31"/>
      <c r="E275" s="32" t="s">
        <v>279</v>
      </c>
      <c r="F275" s="32"/>
      <c r="G275" s="33"/>
      <c r="H275" s="31"/>
      <c r="I275" s="32" t="s">
        <v>630</v>
      </c>
      <c r="J275" s="34" t="s">
        <v>987</v>
      </c>
      <c r="K275" s="35"/>
      <c r="L275" s="32"/>
      <c r="M275" s="32"/>
      <c r="N275" s="32"/>
      <c r="O275" s="32"/>
      <c r="P275" s="32"/>
      <c r="Q275" s="41" t="s">
        <v>423</v>
      </c>
      <c r="R275" s="37" t="s">
        <v>1647</v>
      </c>
    </row>
    <row r="276" spans="1:18" s="15" customFormat="1" ht="21" customHeight="1" x14ac:dyDescent="0.45">
      <c r="A276" s="29" t="s">
        <v>153</v>
      </c>
      <c r="B276" s="29" t="s">
        <v>1354</v>
      </c>
      <c r="C276" s="30" t="s">
        <v>319</v>
      </c>
      <c r="D276" s="31"/>
      <c r="E276" s="32" t="s">
        <v>279</v>
      </c>
      <c r="F276" s="32"/>
      <c r="G276" s="33"/>
      <c r="H276" s="31"/>
      <c r="I276" s="32" t="s">
        <v>630</v>
      </c>
      <c r="J276" s="34" t="s">
        <v>987</v>
      </c>
      <c r="K276" s="35"/>
      <c r="L276" s="32"/>
      <c r="M276" s="32"/>
      <c r="N276" s="32"/>
      <c r="O276" s="32"/>
      <c r="P276" s="32"/>
      <c r="Q276" s="41"/>
      <c r="R276" s="37" t="s">
        <v>1648</v>
      </c>
    </row>
    <row r="277" spans="1:18" s="15" customFormat="1" ht="38.4" x14ac:dyDescent="0.45">
      <c r="A277" s="29" t="s">
        <v>156</v>
      </c>
      <c r="B277" s="29" t="s">
        <v>850</v>
      </c>
      <c r="C277" s="38" t="s">
        <v>851</v>
      </c>
      <c r="D277" s="31"/>
      <c r="E277" s="32" t="s">
        <v>279</v>
      </c>
      <c r="F277" s="32"/>
      <c r="G277" s="33"/>
      <c r="H277" s="31"/>
      <c r="I277" s="32" t="s">
        <v>630</v>
      </c>
      <c r="J277" s="34" t="s">
        <v>1649</v>
      </c>
      <c r="K277" s="35"/>
      <c r="L277" s="32"/>
      <c r="M277" s="32"/>
      <c r="N277" s="32"/>
      <c r="O277" s="32"/>
      <c r="P277" s="32"/>
      <c r="Q277" s="41"/>
      <c r="R277" s="37" t="s">
        <v>1650</v>
      </c>
    </row>
    <row r="278" spans="1:18" s="15" customFormat="1" ht="21" customHeight="1" x14ac:dyDescent="0.45">
      <c r="A278" s="29" t="s">
        <v>786</v>
      </c>
      <c r="B278" s="29" t="s">
        <v>303</v>
      </c>
      <c r="C278" s="30" t="s">
        <v>941</v>
      </c>
      <c r="D278" s="31"/>
      <c r="E278" s="32" t="s">
        <v>942</v>
      </c>
      <c r="F278" s="32"/>
      <c r="G278" s="33"/>
      <c r="H278" s="31"/>
      <c r="I278" s="32"/>
      <c r="J278" s="34"/>
      <c r="K278" s="35"/>
      <c r="L278" s="32"/>
      <c r="M278" s="32"/>
      <c r="N278" s="32"/>
      <c r="O278" s="32"/>
      <c r="P278" s="32"/>
      <c r="Q278" s="36"/>
      <c r="R278" s="37" t="s">
        <v>1431</v>
      </c>
    </row>
    <row r="279" spans="1:18" s="15" customFormat="1" ht="28.5" customHeight="1" x14ac:dyDescent="0.45">
      <c r="A279" s="29" t="s">
        <v>162</v>
      </c>
      <c r="B279" s="29" t="s">
        <v>1060</v>
      </c>
      <c r="C279" s="30" t="s">
        <v>1061</v>
      </c>
      <c r="D279" s="31"/>
      <c r="E279" s="32" t="s">
        <v>279</v>
      </c>
      <c r="F279" s="32"/>
      <c r="G279" s="33"/>
      <c r="H279" s="31">
        <v>120</v>
      </c>
      <c r="I279" s="32">
        <v>1700</v>
      </c>
      <c r="J279" s="34" t="s">
        <v>987</v>
      </c>
      <c r="K279" s="35">
        <v>4</v>
      </c>
      <c r="L279" s="32">
        <v>135</v>
      </c>
      <c r="M279" s="32">
        <v>235</v>
      </c>
      <c r="N279" s="32">
        <v>42</v>
      </c>
      <c r="O279" s="32">
        <v>625</v>
      </c>
      <c r="P279" s="32"/>
      <c r="Q279" s="36"/>
      <c r="R279" s="37" t="s">
        <v>1651</v>
      </c>
    </row>
    <row r="280" spans="1:18" s="18" customFormat="1" ht="31.5" customHeight="1" x14ac:dyDescent="0.45">
      <c r="A280" s="29" t="s">
        <v>159</v>
      </c>
      <c r="B280" s="29" t="s">
        <v>303</v>
      </c>
      <c r="C280" s="30" t="s">
        <v>408</v>
      </c>
      <c r="D280" s="31"/>
      <c r="E280" s="32" t="s">
        <v>279</v>
      </c>
      <c r="F280" s="32"/>
      <c r="G280" s="33"/>
      <c r="H280" s="31"/>
      <c r="I280" s="32">
        <v>1980</v>
      </c>
      <c r="J280" s="34" t="s">
        <v>1063</v>
      </c>
      <c r="K280" s="35">
        <v>4</v>
      </c>
      <c r="L280" s="32">
        <v>225</v>
      </c>
      <c r="M280" s="32">
        <v>420</v>
      </c>
      <c r="N280" s="32">
        <v>42</v>
      </c>
      <c r="O280" s="32">
        <v>1150</v>
      </c>
      <c r="P280" s="32">
        <v>550</v>
      </c>
      <c r="Q280" s="36"/>
      <c r="R280" s="37" t="s">
        <v>1652</v>
      </c>
    </row>
    <row r="281" spans="1:18" s="18" customFormat="1" ht="14.25" customHeight="1" x14ac:dyDescent="0.45">
      <c r="A281" s="29" t="s">
        <v>163</v>
      </c>
      <c r="B281" s="29" t="s">
        <v>401</v>
      </c>
      <c r="C281" s="30" t="s">
        <v>1174</v>
      </c>
      <c r="D281" s="31"/>
      <c r="E281" s="32"/>
      <c r="F281" s="32"/>
      <c r="G281" s="33" t="s">
        <v>405</v>
      </c>
      <c r="H281" s="31"/>
      <c r="I281" s="32"/>
      <c r="J281" s="34"/>
      <c r="K281" s="35"/>
      <c r="L281" s="32"/>
      <c r="M281" s="32"/>
      <c r="N281" s="32"/>
      <c r="O281" s="32"/>
      <c r="P281" s="32"/>
      <c r="Q281" s="36"/>
      <c r="R281" s="37" t="s">
        <v>785</v>
      </c>
    </row>
    <row r="282" spans="1:18" s="15" customFormat="1" ht="28.8" x14ac:dyDescent="0.45">
      <c r="A282" s="29" t="s">
        <v>161</v>
      </c>
      <c r="B282" s="29" t="s">
        <v>1080</v>
      </c>
      <c r="C282" s="30" t="s">
        <v>678</v>
      </c>
      <c r="D282" s="31"/>
      <c r="E282" s="32" t="s">
        <v>279</v>
      </c>
      <c r="F282" s="32"/>
      <c r="G282" s="33"/>
      <c r="H282" s="31">
        <v>120</v>
      </c>
      <c r="I282" s="34">
        <v>1700</v>
      </c>
      <c r="J282" s="34">
        <v>680</v>
      </c>
      <c r="K282" s="35">
        <v>4</v>
      </c>
      <c r="L282" s="32">
        <v>135</v>
      </c>
      <c r="M282" s="32">
        <v>235</v>
      </c>
      <c r="N282" s="32">
        <v>42</v>
      </c>
      <c r="O282" s="32">
        <v>625</v>
      </c>
      <c r="P282" s="32"/>
      <c r="Q282" s="36"/>
      <c r="R282" s="37" t="s">
        <v>748</v>
      </c>
    </row>
    <row r="283" spans="1:18" s="15" customFormat="1" ht="21" customHeight="1" x14ac:dyDescent="0.45">
      <c r="A283" s="29" t="s">
        <v>160</v>
      </c>
      <c r="B283" s="29" t="s">
        <v>878</v>
      </c>
      <c r="C283" s="30" t="s">
        <v>902</v>
      </c>
      <c r="D283" s="31"/>
      <c r="E283" s="32" t="s">
        <v>279</v>
      </c>
      <c r="F283" s="32"/>
      <c r="G283" s="33"/>
      <c r="H283" s="31"/>
      <c r="I283" s="32" t="s">
        <v>630</v>
      </c>
      <c r="J283" s="34">
        <v>690</v>
      </c>
      <c r="K283" s="35"/>
      <c r="L283" s="32">
        <v>135</v>
      </c>
      <c r="M283" s="32"/>
      <c r="N283" s="32"/>
      <c r="O283" s="32"/>
      <c r="P283" s="32"/>
      <c r="Q283" s="36"/>
      <c r="R283" s="37" t="s">
        <v>1482</v>
      </c>
    </row>
    <row r="284" spans="1:18" s="15" customFormat="1" ht="28.8" x14ac:dyDescent="0.45">
      <c r="A284" s="29" t="s">
        <v>166</v>
      </c>
      <c r="B284" s="29" t="s">
        <v>1550</v>
      </c>
      <c r="C284" s="30" t="s">
        <v>1551</v>
      </c>
      <c r="D284" s="31"/>
      <c r="E284" s="32" t="s">
        <v>279</v>
      </c>
      <c r="F284" s="32"/>
      <c r="G284" s="33"/>
      <c r="H284" s="31">
        <v>140</v>
      </c>
      <c r="I284" s="34" t="s">
        <v>980</v>
      </c>
      <c r="J284" s="34">
        <v>930</v>
      </c>
      <c r="K284" s="35">
        <v>4</v>
      </c>
      <c r="L284" s="32">
        <v>225</v>
      </c>
      <c r="M284" s="32">
        <v>420</v>
      </c>
      <c r="N284" s="32">
        <v>42</v>
      </c>
      <c r="O284" s="32">
        <v>1150</v>
      </c>
      <c r="P284" s="32"/>
      <c r="Q284" s="36"/>
      <c r="R284" s="37" t="s">
        <v>1542</v>
      </c>
    </row>
    <row r="285" spans="1:18" s="18" customFormat="1" ht="13.2" x14ac:dyDescent="0.45">
      <c r="A285" s="29" t="s">
        <v>165</v>
      </c>
      <c r="B285" s="29" t="s">
        <v>394</v>
      </c>
      <c r="C285" s="30" t="s">
        <v>898</v>
      </c>
      <c r="D285" s="31"/>
      <c r="E285" s="32"/>
      <c r="F285" s="32"/>
      <c r="G285" s="33" t="s">
        <v>279</v>
      </c>
      <c r="H285" s="31"/>
      <c r="I285" s="32" t="s">
        <v>423</v>
      </c>
      <c r="J285" s="32"/>
      <c r="K285" s="35" t="s">
        <v>311</v>
      </c>
      <c r="L285" s="32"/>
      <c r="M285" s="32"/>
      <c r="N285" s="32" t="s">
        <v>311</v>
      </c>
      <c r="O285" s="32"/>
      <c r="P285" s="32" t="s">
        <v>311</v>
      </c>
      <c r="Q285" s="41"/>
      <c r="R285" s="37" t="s">
        <v>1480</v>
      </c>
    </row>
    <row r="286" spans="1:18" s="18" customFormat="1" ht="21" customHeight="1" x14ac:dyDescent="0.45">
      <c r="A286" s="29" t="s">
        <v>1271</v>
      </c>
      <c r="B286" s="29" t="s">
        <v>1154</v>
      </c>
      <c r="C286" s="30" t="s">
        <v>1653</v>
      </c>
      <c r="D286" s="31"/>
      <c r="E286" s="32" t="s">
        <v>1092</v>
      </c>
      <c r="F286" s="32"/>
      <c r="G286" s="33"/>
      <c r="H286" s="31"/>
      <c r="I286" s="34" t="s">
        <v>1093</v>
      </c>
      <c r="J286" s="34">
        <v>810</v>
      </c>
      <c r="K286" s="35"/>
      <c r="L286" s="32"/>
      <c r="M286" s="32"/>
      <c r="N286" s="32"/>
      <c r="O286" s="32">
        <v>1150</v>
      </c>
      <c r="P286" s="32">
        <v>550</v>
      </c>
      <c r="Q286" s="36"/>
      <c r="R286" s="37" t="s">
        <v>1111</v>
      </c>
    </row>
    <row r="287" spans="1:18" s="18" customFormat="1" ht="34.200000000000003" customHeight="1" x14ac:dyDescent="0.45">
      <c r="A287" s="29" t="s">
        <v>761</v>
      </c>
      <c r="B287" s="29" t="s">
        <v>447</v>
      </c>
      <c r="C287" s="30" t="s">
        <v>400</v>
      </c>
      <c r="D287" s="31"/>
      <c r="E287" s="32" t="s">
        <v>279</v>
      </c>
      <c r="F287" s="32"/>
      <c r="G287" s="33"/>
      <c r="H287" s="31"/>
      <c r="I287" s="32" t="s">
        <v>341</v>
      </c>
      <c r="J287" s="34">
        <v>680</v>
      </c>
      <c r="K287" s="35"/>
      <c r="L287" s="32"/>
      <c r="M287" s="32"/>
      <c r="N287" s="32"/>
      <c r="O287" s="32">
        <v>625</v>
      </c>
      <c r="P287" s="32"/>
      <c r="Q287" s="36"/>
      <c r="R287" s="37" t="s">
        <v>1453</v>
      </c>
    </row>
    <row r="288" spans="1:18" s="18" customFormat="1" ht="27" customHeight="1" x14ac:dyDescent="0.45">
      <c r="A288" s="29" t="s">
        <v>169</v>
      </c>
      <c r="B288" s="29" t="s">
        <v>1144</v>
      </c>
      <c r="C288" s="30" t="s">
        <v>1145</v>
      </c>
      <c r="D288" s="31"/>
      <c r="E288" s="32" t="s">
        <v>1142</v>
      </c>
      <c r="F288" s="32"/>
      <c r="G288" s="33"/>
      <c r="H288" s="31">
        <v>140</v>
      </c>
      <c r="I288" s="32" t="s">
        <v>1143</v>
      </c>
      <c r="J288" s="34">
        <v>930</v>
      </c>
      <c r="K288" s="35">
        <v>4</v>
      </c>
      <c r="L288" s="32">
        <v>225</v>
      </c>
      <c r="M288" s="32">
        <v>420</v>
      </c>
      <c r="N288" s="32">
        <v>55</v>
      </c>
      <c r="O288" s="32">
        <v>790</v>
      </c>
      <c r="P288" s="32">
        <v>550</v>
      </c>
      <c r="Q288" s="36"/>
      <c r="R288" s="37" t="s">
        <v>1562</v>
      </c>
    </row>
    <row r="289" spans="1:18" s="18" customFormat="1" ht="13.2" x14ac:dyDescent="0.45">
      <c r="A289" s="29" t="s">
        <v>168</v>
      </c>
      <c r="B289" s="29" t="s">
        <v>303</v>
      </c>
      <c r="C289" s="30" t="s">
        <v>310</v>
      </c>
      <c r="D289" s="31"/>
      <c r="E289" s="32" t="s">
        <v>279</v>
      </c>
      <c r="F289" s="32"/>
      <c r="G289" s="33"/>
      <c r="H289" s="31">
        <v>120</v>
      </c>
      <c r="I289" s="34">
        <v>1700</v>
      </c>
      <c r="J289" s="34">
        <v>680</v>
      </c>
      <c r="K289" s="35">
        <v>4</v>
      </c>
      <c r="L289" s="32">
        <v>135</v>
      </c>
      <c r="M289" s="32">
        <v>235</v>
      </c>
      <c r="N289" s="32">
        <v>31</v>
      </c>
      <c r="O289" s="32">
        <v>625</v>
      </c>
      <c r="P289" s="32">
        <v>421</v>
      </c>
      <c r="Q289" s="41" t="s">
        <v>423</v>
      </c>
      <c r="R289" s="37" t="s">
        <v>445</v>
      </c>
    </row>
    <row r="290" spans="1:18" s="18" customFormat="1" ht="21" customHeight="1" x14ac:dyDescent="0.45">
      <c r="A290" s="29" t="s">
        <v>495</v>
      </c>
      <c r="B290" s="29" t="s">
        <v>496</v>
      </c>
      <c r="C290" s="30" t="s">
        <v>1654</v>
      </c>
      <c r="D290" s="31"/>
      <c r="E290" s="32" t="s">
        <v>279</v>
      </c>
      <c r="F290" s="32"/>
      <c r="G290" s="33"/>
      <c r="H290" s="31">
        <v>140</v>
      </c>
      <c r="I290" s="32">
        <v>1980</v>
      </c>
      <c r="J290" s="34">
        <v>930</v>
      </c>
      <c r="K290" s="35">
        <v>4</v>
      </c>
      <c r="L290" s="32">
        <v>225</v>
      </c>
      <c r="M290" s="32">
        <v>420</v>
      </c>
      <c r="N290" s="32">
        <v>42</v>
      </c>
      <c r="O290" s="32">
        <v>1150</v>
      </c>
      <c r="P290" s="32">
        <v>550</v>
      </c>
      <c r="Q290" s="36"/>
      <c r="R290" s="37" t="s">
        <v>1047</v>
      </c>
    </row>
    <row r="291" spans="1:18" s="18" customFormat="1" ht="14.25" customHeight="1" x14ac:dyDescent="0.45">
      <c r="A291" s="29" t="s">
        <v>495</v>
      </c>
      <c r="B291" s="29" t="s">
        <v>407</v>
      </c>
      <c r="C291" s="30" t="s">
        <v>574</v>
      </c>
      <c r="D291" s="31"/>
      <c r="E291" s="32" t="s">
        <v>279</v>
      </c>
      <c r="F291" s="32"/>
      <c r="G291" s="33"/>
      <c r="H291" s="31">
        <v>140</v>
      </c>
      <c r="I291" s="32">
        <v>1980</v>
      </c>
      <c r="J291" s="34">
        <v>930</v>
      </c>
      <c r="K291" s="35">
        <v>4</v>
      </c>
      <c r="L291" s="32">
        <v>225</v>
      </c>
      <c r="M291" s="32">
        <v>420</v>
      </c>
      <c r="N291" s="32">
        <v>42</v>
      </c>
      <c r="O291" s="32">
        <v>1150</v>
      </c>
      <c r="P291" s="32">
        <v>550</v>
      </c>
      <c r="Q291" s="36"/>
      <c r="R291" s="37" t="s">
        <v>1454</v>
      </c>
    </row>
    <row r="292" spans="1:18" s="18" customFormat="1" ht="14.25" customHeight="1" x14ac:dyDescent="0.45">
      <c r="A292" s="29" t="s">
        <v>495</v>
      </c>
      <c r="B292" s="29" t="s">
        <v>582</v>
      </c>
      <c r="C292" s="30" t="s">
        <v>574</v>
      </c>
      <c r="D292" s="31"/>
      <c r="E292" s="32" t="s">
        <v>279</v>
      </c>
      <c r="F292" s="32"/>
      <c r="G292" s="33"/>
      <c r="H292" s="31">
        <v>120</v>
      </c>
      <c r="I292" s="32">
        <v>1728</v>
      </c>
      <c r="J292" s="34">
        <v>680</v>
      </c>
      <c r="K292" s="35">
        <v>4</v>
      </c>
      <c r="L292" s="32">
        <v>135</v>
      </c>
      <c r="M292" s="32">
        <v>235</v>
      </c>
      <c r="N292" s="32">
        <v>42</v>
      </c>
      <c r="O292" s="32">
        <v>625</v>
      </c>
      <c r="P292" s="32">
        <v>550</v>
      </c>
      <c r="Q292" s="36"/>
      <c r="R292" s="37" t="s">
        <v>1455</v>
      </c>
    </row>
    <row r="293" spans="1:18" s="15" customFormat="1" ht="21" customHeight="1" x14ac:dyDescent="0.45">
      <c r="A293" s="29" t="s">
        <v>167</v>
      </c>
      <c r="B293" s="29" t="s">
        <v>303</v>
      </c>
      <c r="C293" s="30" t="s">
        <v>965</v>
      </c>
      <c r="D293" s="31"/>
      <c r="E293" s="34" t="s">
        <v>890</v>
      </c>
      <c r="F293" s="32"/>
      <c r="G293" s="33"/>
      <c r="H293" s="31"/>
      <c r="I293" s="32" t="s">
        <v>962</v>
      </c>
      <c r="J293" s="34" t="s">
        <v>1155</v>
      </c>
      <c r="K293" s="35"/>
      <c r="L293" s="32"/>
      <c r="M293" s="32"/>
      <c r="N293" s="32"/>
      <c r="O293" s="32"/>
      <c r="P293" s="32"/>
      <c r="Q293" s="36"/>
      <c r="R293" s="37" t="s">
        <v>964</v>
      </c>
    </row>
    <row r="294" spans="1:18" s="15" customFormat="1" ht="21" customHeight="1" x14ac:dyDescent="0.45">
      <c r="A294" s="29" t="s">
        <v>170</v>
      </c>
      <c r="B294" s="29" t="s">
        <v>303</v>
      </c>
      <c r="C294" s="30" t="s">
        <v>1397</v>
      </c>
      <c r="D294" s="31"/>
      <c r="E294" s="32" t="s">
        <v>279</v>
      </c>
      <c r="F294" s="32"/>
      <c r="G294" s="33"/>
      <c r="H294" s="31"/>
      <c r="I294" s="32" t="s">
        <v>341</v>
      </c>
      <c r="J294" s="34">
        <v>710</v>
      </c>
      <c r="K294" s="59"/>
      <c r="L294" s="32"/>
      <c r="M294" s="32"/>
      <c r="N294" s="32"/>
      <c r="O294" s="32"/>
      <c r="P294" s="32"/>
      <c r="Q294" s="60"/>
      <c r="R294" s="37" t="s">
        <v>709</v>
      </c>
    </row>
    <row r="295" spans="1:18" s="15" customFormat="1" ht="52.5" customHeight="1" x14ac:dyDescent="0.45">
      <c r="A295" s="29" t="s">
        <v>173</v>
      </c>
      <c r="B295" s="29" t="s">
        <v>303</v>
      </c>
      <c r="C295" s="30" t="s">
        <v>1191</v>
      </c>
      <c r="D295" s="31"/>
      <c r="E295" s="32" t="s">
        <v>279</v>
      </c>
      <c r="F295" s="32"/>
      <c r="G295" s="33"/>
      <c r="H295" s="31">
        <v>160</v>
      </c>
      <c r="I295" s="34">
        <v>2304</v>
      </c>
      <c r="J295" s="34" t="s">
        <v>1042</v>
      </c>
      <c r="K295" s="35">
        <v>5.5</v>
      </c>
      <c r="L295" s="32">
        <v>309</v>
      </c>
      <c r="M295" s="32"/>
      <c r="N295" s="32">
        <v>72</v>
      </c>
      <c r="O295" s="32">
        <v>1095</v>
      </c>
      <c r="P295" s="32">
        <v>785</v>
      </c>
      <c r="Q295" s="41" t="s">
        <v>423</v>
      </c>
      <c r="R295" s="37" t="s">
        <v>1655</v>
      </c>
    </row>
    <row r="296" spans="1:18" s="15" customFormat="1" ht="42" customHeight="1" x14ac:dyDescent="0.45">
      <c r="A296" s="29" t="s">
        <v>173</v>
      </c>
      <c r="B296" s="29" t="s">
        <v>303</v>
      </c>
      <c r="C296" s="30" t="s">
        <v>304</v>
      </c>
      <c r="D296" s="31"/>
      <c r="E296" s="32" t="s">
        <v>279</v>
      </c>
      <c r="F296" s="32"/>
      <c r="G296" s="33"/>
      <c r="H296" s="31">
        <v>160</v>
      </c>
      <c r="I296" s="34">
        <v>2304</v>
      </c>
      <c r="J296" s="34" t="s">
        <v>1042</v>
      </c>
      <c r="K296" s="35">
        <v>5.5</v>
      </c>
      <c r="L296" s="32">
        <v>309</v>
      </c>
      <c r="M296" s="32"/>
      <c r="N296" s="32">
        <v>72</v>
      </c>
      <c r="O296" s="32">
        <v>1095</v>
      </c>
      <c r="P296" s="32">
        <v>785</v>
      </c>
      <c r="Q296" s="41" t="s">
        <v>423</v>
      </c>
      <c r="R296" s="37" t="s">
        <v>1656</v>
      </c>
    </row>
    <row r="297" spans="1:18" s="15" customFormat="1" ht="21" customHeight="1" x14ac:dyDescent="0.45">
      <c r="A297" s="29" t="s">
        <v>174</v>
      </c>
      <c r="B297" s="29" t="s">
        <v>303</v>
      </c>
      <c r="C297" s="30" t="s">
        <v>659</v>
      </c>
      <c r="D297" s="31"/>
      <c r="E297" s="32" t="s">
        <v>279</v>
      </c>
      <c r="F297" s="32"/>
      <c r="G297" s="33"/>
      <c r="H297" s="31">
        <v>160</v>
      </c>
      <c r="I297" s="34" t="s">
        <v>546</v>
      </c>
      <c r="J297" s="34">
        <v>1180</v>
      </c>
      <c r="K297" s="35">
        <v>5.5</v>
      </c>
      <c r="L297" s="32">
        <v>309</v>
      </c>
      <c r="M297" s="32">
        <v>600</v>
      </c>
      <c r="N297" s="32">
        <v>72</v>
      </c>
      <c r="O297" s="32">
        <v>1095</v>
      </c>
      <c r="P297" s="32"/>
      <c r="Q297" s="36"/>
      <c r="R297" s="37" t="s">
        <v>444</v>
      </c>
    </row>
    <row r="298" spans="1:18" s="18" customFormat="1" ht="14.25" customHeight="1" x14ac:dyDescent="0.45">
      <c r="A298" s="29" t="s">
        <v>188</v>
      </c>
      <c r="B298" s="29" t="s">
        <v>303</v>
      </c>
      <c r="C298" s="30" t="s">
        <v>310</v>
      </c>
      <c r="D298" s="31"/>
      <c r="E298" s="32"/>
      <c r="F298" s="32"/>
      <c r="G298" s="33" t="s">
        <v>279</v>
      </c>
      <c r="H298" s="31"/>
      <c r="I298" s="32"/>
      <c r="J298" s="34"/>
      <c r="K298" s="35"/>
      <c r="L298" s="32"/>
      <c r="M298" s="32"/>
      <c r="N298" s="32"/>
      <c r="O298" s="32"/>
      <c r="P298" s="32"/>
      <c r="Q298" s="36"/>
      <c r="R298" s="37" t="s">
        <v>1518</v>
      </c>
    </row>
    <row r="299" spans="1:18" s="18" customFormat="1" ht="21" customHeight="1" x14ac:dyDescent="0.45">
      <c r="A299" s="29" t="s">
        <v>175</v>
      </c>
      <c r="B299" s="29" t="s">
        <v>303</v>
      </c>
      <c r="C299" s="30" t="s">
        <v>773</v>
      </c>
      <c r="D299" s="31"/>
      <c r="E299" s="32" t="s">
        <v>279</v>
      </c>
      <c r="F299" s="32"/>
      <c r="G299" s="33"/>
      <c r="H299" s="31">
        <v>160</v>
      </c>
      <c r="I299" s="34">
        <v>2300</v>
      </c>
      <c r="J299" s="34" t="s">
        <v>1156</v>
      </c>
      <c r="K299" s="35">
        <v>5.5</v>
      </c>
      <c r="L299" s="32">
        <v>309</v>
      </c>
      <c r="M299" s="32">
        <v>600</v>
      </c>
      <c r="N299" s="32">
        <v>72</v>
      </c>
      <c r="O299" s="32">
        <v>1095</v>
      </c>
      <c r="P299" s="32"/>
      <c r="Q299" s="36"/>
      <c r="R299" s="37" t="s">
        <v>1157</v>
      </c>
    </row>
    <row r="300" spans="1:18" s="18" customFormat="1" ht="14.25" customHeight="1" x14ac:dyDescent="0.45">
      <c r="A300" s="29" t="s">
        <v>189</v>
      </c>
      <c r="B300" s="29" t="s">
        <v>303</v>
      </c>
      <c r="C300" s="30" t="s">
        <v>1358</v>
      </c>
      <c r="D300" s="31"/>
      <c r="E300" s="32" t="s">
        <v>279</v>
      </c>
      <c r="F300" s="32"/>
      <c r="G300" s="33"/>
      <c r="H300" s="31">
        <v>120</v>
      </c>
      <c r="I300" s="32" t="s">
        <v>341</v>
      </c>
      <c r="J300" s="34">
        <v>690</v>
      </c>
      <c r="K300" s="35">
        <v>4</v>
      </c>
      <c r="L300" s="32">
        <v>135</v>
      </c>
      <c r="M300" s="32">
        <v>235</v>
      </c>
      <c r="N300" s="32">
        <v>42</v>
      </c>
      <c r="O300" s="32">
        <v>625</v>
      </c>
      <c r="P300" s="32"/>
      <c r="Q300" s="36"/>
      <c r="R300" s="37" t="s">
        <v>1357</v>
      </c>
    </row>
    <row r="301" spans="1:18" s="18" customFormat="1" ht="52.5" customHeight="1" x14ac:dyDescent="0.45">
      <c r="A301" s="29" t="s">
        <v>186</v>
      </c>
      <c r="B301" s="29" t="s">
        <v>407</v>
      </c>
      <c r="C301" s="30" t="s">
        <v>1168</v>
      </c>
      <c r="D301" s="31"/>
      <c r="E301" s="32" t="s">
        <v>279</v>
      </c>
      <c r="F301" s="32"/>
      <c r="G301" s="33"/>
      <c r="H301" s="31">
        <v>160</v>
      </c>
      <c r="I301" s="32">
        <v>2300</v>
      </c>
      <c r="J301" s="34" t="s">
        <v>1158</v>
      </c>
      <c r="K301" s="35">
        <v>5.5</v>
      </c>
      <c r="L301" s="32">
        <v>309</v>
      </c>
      <c r="M301" s="32">
        <v>600</v>
      </c>
      <c r="N301" s="32">
        <v>72</v>
      </c>
      <c r="O301" s="32">
        <v>1560</v>
      </c>
      <c r="P301" s="32"/>
      <c r="Q301" s="36"/>
      <c r="R301" s="37" t="s">
        <v>853</v>
      </c>
    </row>
    <row r="302" spans="1:18" s="18" customFormat="1" ht="21" customHeight="1" x14ac:dyDescent="0.45">
      <c r="A302" s="29" t="s">
        <v>187</v>
      </c>
      <c r="B302" s="29" t="s">
        <v>303</v>
      </c>
      <c r="C302" s="30" t="s">
        <v>596</v>
      </c>
      <c r="D302" s="31"/>
      <c r="E302" s="32" t="s">
        <v>279</v>
      </c>
      <c r="F302" s="32"/>
      <c r="G302" s="33"/>
      <c r="H302" s="31"/>
      <c r="I302" s="32" t="s">
        <v>341</v>
      </c>
      <c r="J302" s="34"/>
      <c r="K302" s="35"/>
      <c r="L302" s="32"/>
      <c r="M302" s="32"/>
      <c r="N302" s="32"/>
      <c r="O302" s="32"/>
      <c r="P302" s="32"/>
      <c r="Q302" s="36"/>
      <c r="R302" s="37" t="s">
        <v>912</v>
      </c>
    </row>
    <row r="303" spans="1:18" s="18" customFormat="1" ht="21" customHeight="1" x14ac:dyDescent="0.45">
      <c r="A303" s="29" t="s">
        <v>171</v>
      </c>
      <c r="B303" s="29" t="s">
        <v>795</v>
      </c>
      <c r="C303" s="30" t="s">
        <v>412</v>
      </c>
      <c r="D303" s="31"/>
      <c r="E303" s="32" t="s">
        <v>279</v>
      </c>
      <c r="F303" s="32"/>
      <c r="G303" s="33"/>
      <c r="H303" s="31"/>
      <c r="I303" s="32" t="s">
        <v>566</v>
      </c>
      <c r="J303" s="34">
        <v>260</v>
      </c>
      <c r="K303" s="35"/>
      <c r="L303" s="32"/>
      <c r="M303" s="32"/>
      <c r="N303" s="32">
        <v>42</v>
      </c>
      <c r="O303" s="32">
        <v>320</v>
      </c>
      <c r="P303" s="32"/>
      <c r="Q303" s="41" t="s">
        <v>423</v>
      </c>
      <c r="R303" s="37" t="s">
        <v>662</v>
      </c>
    </row>
    <row r="304" spans="1:18" s="15" customFormat="1" ht="38.4" x14ac:dyDescent="0.45">
      <c r="A304" s="29" t="s">
        <v>176</v>
      </c>
      <c r="B304" s="29" t="s">
        <v>303</v>
      </c>
      <c r="C304" s="30" t="s">
        <v>698</v>
      </c>
      <c r="D304" s="31"/>
      <c r="E304" s="32" t="s">
        <v>287</v>
      </c>
      <c r="F304" s="32"/>
      <c r="G304" s="33"/>
      <c r="H304" s="31">
        <v>140</v>
      </c>
      <c r="I304" s="32">
        <v>1950</v>
      </c>
      <c r="J304" s="34" t="s">
        <v>1251</v>
      </c>
      <c r="K304" s="35">
        <v>4</v>
      </c>
      <c r="L304" s="32">
        <v>225</v>
      </c>
      <c r="M304" s="32">
        <v>420</v>
      </c>
      <c r="N304" s="32">
        <v>42</v>
      </c>
      <c r="O304" s="32">
        <v>1150</v>
      </c>
      <c r="P304" s="32">
        <v>550</v>
      </c>
      <c r="Q304" s="36"/>
      <c r="R304" s="37" t="s">
        <v>1657</v>
      </c>
    </row>
    <row r="305" spans="1:18" s="15" customFormat="1" ht="14.25" customHeight="1" x14ac:dyDescent="0.45">
      <c r="A305" s="29" t="s">
        <v>497</v>
      </c>
      <c r="B305" s="29" t="s">
        <v>303</v>
      </c>
      <c r="C305" s="30" t="s">
        <v>1134</v>
      </c>
      <c r="D305" s="31"/>
      <c r="E305" s="32" t="s">
        <v>279</v>
      </c>
      <c r="F305" s="32"/>
      <c r="G305" s="33"/>
      <c r="H305" s="31"/>
      <c r="I305" s="32" t="s">
        <v>767</v>
      </c>
      <c r="J305" s="34"/>
      <c r="K305" s="35"/>
      <c r="L305" s="32"/>
      <c r="M305" s="32"/>
      <c r="N305" s="32"/>
      <c r="O305" s="32"/>
      <c r="P305" s="32"/>
      <c r="Q305" s="36"/>
      <c r="R305" s="37" t="s">
        <v>660</v>
      </c>
    </row>
    <row r="306" spans="1:18" s="15" customFormat="1" ht="44.25" customHeight="1" x14ac:dyDescent="0.45">
      <c r="A306" s="29" t="s">
        <v>177</v>
      </c>
      <c r="B306" s="29" t="s">
        <v>303</v>
      </c>
      <c r="C306" s="30" t="s">
        <v>661</v>
      </c>
      <c r="D306" s="31"/>
      <c r="E306" s="32" t="s">
        <v>279</v>
      </c>
      <c r="F306" s="32"/>
      <c r="G306" s="33"/>
      <c r="H306" s="31">
        <v>160</v>
      </c>
      <c r="I306" s="32">
        <v>2300</v>
      </c>
      <c r="J306" s="34" t="s">
        <v>1042</v>
      </c>
      <c r="K306" s="35">
        <v>5.5</v>
      </c>
      <c r="L306" s="32">
        <v>309</v>
      </c>
      <c r="M306" s="32">
        <v>600</v>
      </c>
      <c r="N306" s="32">
        <v>72</v>
      </c>
      <c r="O306" s="32">
        <v>1560</v>
      </c>
      <c r="P306" s="32"/>
      <c r="Q306" s="36"/>
      <c r="R306" s="37" t="s">
        <v>1658</v>
      </c>
    </row>
    <row r="307" spans="1:18" s="18" customFormat="1" ht="52.5" customHeight="1" x14ac:dyDescent="0.45">
      <c r="A307" s="29" t="s">
        <v>184</v>
      </c>
      <c r="B307" s="29" t="s">
        <v>401</v>
      </c>
      <c r="C307" s="30" t="s">
        <v>549</v>
      </c>
      <c r="D307" s="31"/>
      <c r="E307" s="32" t="s">
        <v>279</v>
      </c>
      <c r="F307" s="32"/>
      <c r="G307" s="33"/>
      <c r="H307" s="31">
        <v>140</v>
      </c>
      <c r="I307" s="32">
        <v>1950</v>
      </c>
      <c r="J307" s="34" t="s">
        <v>1135</v>
      </c>
      <c r="K307" s="35">
        <v>4</v>
      </c>
      <c r="L307" s="32">
        <v>225</v>
      </c>
      <c r="M307" s="32">
        <v>420</v>
      </c>
      <c r="N307" s="32">
        <v>42</v>
      </c>
      <c r="O307" s="32">
        <v>790</v>
      </c>
      <c r="P307" s="32"/>
      <c r="Q307" s="36"/>
      <c r="R307" s="37" t="s">
        <v>1659</v>
      </c>
    </row>
    <row r="308" spans="1:18" s="15" customFormat="1" ht="21" customHeight="1" x14ac:dyDescent="0.45">
      <c r="A308" s="29" t="s">
        <v>185</v>
      </c>
      <c r="B308" s="29" t="s">
        <v>401</v>
      </c>
      <c r="C308" s="30" t="s">
        <v>656</v>
      </c>
      <c r="D308" s="31"/>
      <c r="E308" s="32" t="s">
        <v>279</v>
      </c>
      <c r="F308" s="32"/>
      <c r="G308" s="33"/>
      <c r="H308" s="31"/>
      <c r="I308" s="32" t="s">
        <v>768</v>
      </c>
      <c r="J308" s="32">
        <v>550</v>
      </c>
      <c r="K308" s="35"/>
      <c r="L308" s="32">
        <v>135</v>
      </c>
      <c r="M308" s="32">
        <v>235</v>
      </c>
      <c r="N308" s="32"/>
      <c r="O308" s="32">
        <v>200</v>
      </c>
      <c r="P308" s="32"/>
      <c r="Q308" s="41" t="s">
        <v>423</v>
      </c>
      <c r="R308" s="37" t="s">
        <v>1071</v>
      </c>
    </row>
    <row r="309" spans="1:18" s="15" customFormat="1" ht="19.2" x14ac:dyDescent="0.45">
      <c r="A309" s="29" t="s">
        <v>178</v>
      </c>
      <c r="B309" s="29" t="s">
        <v>439</v>
      </c>
      <c r="C309" s="30" t="s">
        <v>651</v>
      </c>
      <c r="D309" s="31"/>
      <c r="E309" s="32" t="s">
        <v>279</v>
      </c>
      <c r="F309" s="32"/>
      <c r="G309" s="33"/>
      <c r="H309" s="39" t="s">
        <v>858</v>
      </c>
      <c r="I309" s="32">
        <v>2304</v>
      </c>
      <c r="J309" s="34">
        <v>1190</v>
      </c>
      <c r="K309" s="35">
        <v>5.5</v>
      </c>
      <c r="L309" s="32">
        <v>309</v>
      </c>
      <c r="M309" s="32">
        <v>600</v>
      </c>
      <c r="N309" s="32">
        <v>72</v>
      </c>
      <c r="O309" s="32">
        <v>1095</v>
      </c>
      <c r="P309" s="32"/>
      <c r="Q309" s="36"/>
      <c r="R309" s="37" t="s">
        <v>1249</v>
      </c>
    </row>
    <row r="310" spans="1:18" s="18" customFormat="1" ht="21" customHeight="1" x14ac:dyDescent="0.45">
      <c r="A310" s="29" t="s">
        <v>179</v>
      </c>
      <c r="B310" s="29" t="s">
        <v>443</v>
      </c>
      <c r="C310" s="30" t="s">
        <v>435</v>
      </c>
      <c r="D310" s="31"/>
      <c r="E310" s="32" t="s">
        <v>279</v>
      </c>
      <c r="F310" s="32"/>
      <c r="G310" s="33"/>
      <c r="H310" s="31">
        <v>160</v>
      </c>
      <c r="I310" s="32">
        <v>2300</v>
      </c>
      <c r="J310" s="32">
        <v>1180</v>
      </c>
      <c r="K310" s="32">
        <v>5.5</v>
      </c>
      <c r="L310" s="32">
        <v>309</v>
      </c>
      <c r="M310" s="32">
        <v>600</v>
      </c>
      <c r="N310" s="32">
        <v>72</v>
      </c>
      <c r="O310" s="32">
        <v>1560</v>
      </c>
      <c r="P310" s="32"/>
      <c r="Q310" s="36"/>
      <c r="R310" s="37" t="s">
        <v>531</v>
      </c>
    </row>
    <row r="311" spans="1:18" s="15" customFormat="1" ht="19.2" x14ac:dyDescent="0.45">
      <c r="A311" s="29" t="s">
        <v>180</v>
      </c>
      <c r="B311" s="29" t="s">
        <v>303</v>
      </c>
      <c r="C311" s="30" t="s">
        <v>302</v>
      </c>
      <c r="D311" s="31"/>
      <c r="E311" s="32" t="s">
        <v>279</v>
      </c>
      <c r="F311" s="32"/>
      <c r="G311" s="33"/>
      <c r="H311" s="31">
        <v>160</v>
      </c>
      <c r="I311" s="32">
        <v>2300</v>
      </c>
      <c r="J311" s="34">
        <v>1180</v>
      </c>
      <c r="K311" s="35">
        <v>5.5</v>
      </c>
      <c r="L311" s="32">
        <v>309</v>
      </c>
      <c r="M311" s="32">
        <v>600</v>
      </c>
      <c r="N311" s="32">
        <v>72</v>
      </c>
      <c r="O311" s="32">
        <v>1560</v>
      </c>
      <c r="P311" s="32"/>
      <c r="Q311" s="36"/>
      <c r="R311" s="37" t="s">
        <v>1537</v>
      </c>
    </row>
    <row r="312" spans="1:18" s="18" customFormat="1" ht="28.8" x14ac:dyDescent="0.45">
      <c r="A312" s="29" t="s">
        <v>498</v>
      </c>
      <c r="B312" s="29" t="s">
        <v>787</v>
      </c>
      <c r="C312" s="30" t="s">
        <v>886</v>
      </c>
      <c r="D312" s="31"/>
      <c r="E312" s="32" t="s">
        <v>279</v>
      </c>
      <c r="F312" s="32"/>
      <c r="G312" s="33"/>
      <c r="H312" s="31">
        <v>120</v>
      </c>
      <c r="I312" s="32">
        <v>1700</v>
      </c>
      <c r="J312" s="34">
        <v>680</v>
      </c>
      <c r="K312" s="35">
        <v>4</v>
      </c>
      <c r="L312" s="32">
        <v>135</v>
      </c>
      <c r="M312" s="32">
        <v>235</v>
      </c>
      <c r="N312" s="32">
        <v>42</v>
      </c>
      <c r="O312" s="32">
        <v>625</v>
      </c>
      <c r="P312" s="32"/>
      <c r="Q312" s="36"/>
      <c r="R312" s="37" t="s">
        <v>1412</v>
      </c>
    </row>
    <row r="313" spans="1:18" s="18" customFormat="1" ht="28.8" x14ac:dyDescent="0.45">
      <c r="A313" s="29" t="s">
        <v>500</v>
      </c>
      <c r="B313" s="29" t="s">
        <v>499</v>
      </c>
      <c r="C313" s="30" t="s">
        <v>896</v>
      </c>
      <c r="D313" s="31"/>
      <c r="E313" s="32" t="s">
        <v>279</v>
      </c>
      <c r="F313" s="32"/>
      <c r="G313" s="33"/>
      <c r="H313" s="39" t="s">
        <v>841</v>
      </c>
      <c r="I313" s="32" t="s">
        <v>470</v>
      </c>
      <c r="J313" s="34">
        <v>930</v>
      </c>
      <c r="K313" s="35">
        <v>4</v>
      </c>
      <c r="L313" s="32"/>
      <c r="M313" s="32"/>
      <c r="N313" s="32">
        <v>42</v>
      </c>
      <c r="O313" s="32">
        <v>1150</v>
      </c>
      <c r="P313" s="32"/>
      <c r="Q313" s="36"/>
      <c r="R313" s="37" t="s">
        <v>1660</v>
      </c>
    </row>
    <row r="314" spans="1:18" s="15" customFormat="1" ht="28.8" x14ac:dyDescent="0.45">
      <c r="A314" s="29" t="s">
        <v>182</v>
      </c>
      <c r="B314" s="29" t="s">
        <v>350</v>
      </c>
      <c r="C314" s="30" t="s">
        <v>663</v>
      </c>
      <c r="D314" s="31"/>
      <c r="E314" s="32" t="s">
        <v>279</v>
      </c>
      <c r="F314" s="32"/>
      <c r="G314" s="33"/>
      <c r="H314" s="31"/>
      <c r="I314" s="32"/>
      <c r="J314" s="34"/>
      <c r="K314" s="35">
        <v>6.5</v>
      </c>
      <c r="L314" s="32">
        <v>360</v>
      </c>
      <c r="M314" s="32"/>
      <c r="N314" s="32">
        <v>92</v>
      </c>
      <c r="O314" s="32"/>
      <c r="P314" s="32"/>
      <c r="Q314" s="36"/>
      <c r="R314" s="37" t="s">
        <v>1715</v>
      </c>
    </row>
    <row r="315" spans="1:18" s="15" customFormat="1" ht="19.2" x14ac:dyDescent="0.45">
      <c r="A315" s="29" t="s">
        <v>182</v>
      </c>
      <c r="B315" s="29" t="s">
        <v>418</v>
      </c>
      <c r="C315" s="30" t="s">
        <v>304</v>
      </c>
      <c r="D315" s="31"/>
      <c r="E315" s="32" t="s">
        <v>279</v>
      </c>
      <c r="F315" s="32"/>
      <c r="G315" s="33"/>
      <c r="H315" s="31">
        <v>160</v>
      </c>
      <c r="I315" s="34" t="s">
        <v>658</v>
      </c>
      <c r="J315" s="34">
        <v>1180</v>
      </c>
      <c r="K315" s="35">
        <v>5.5</v>
      </c>
      <c r="L315" s="32">
        <v>309</v>
      </c>
      <c r="M315" s="32">
        <v>600</v>
      </c>
      <c r="N315" s="32">
        <v>72</v>
      </c>
      <c r="O315" s="32"/>
      <c r="P315" s="32"/>
      <c r="Q315" s="36"/>
      <c r="R315" s="37" t="s">
        <v>680</v>
      </c>
    </row>
    <row r="316" spans="1:18" s="15" customFormat="1" ht="28.8" x14ac:dyDescent="0.45">
      <c r="A316" s="29" t="s">
        <v>182</v>
      </c>
      <c r="B316" s="29" t="s">
        <v>350</v>
      </c>
      <c r="C316" s="30" t="s">
        <v>664</v>
      </c>
      <c r="D316" s="31"/>
      <c r="E316" s="32" t="s">
        <v>279</v>
      </c>
      <c r="F316" s="32"/>
      <c r="G316" s="33"/>
      <c r="H316" s="31">
        <v>160</v>
      </c>
      <c r="I316" s="34" t="s">
        <v>658</v>
      </c>
      <c r="J316" s="34">
        <v>1180</v>
      </c>
      <c r="K316" s="35">
        <v>5.5</v>
      </c>
      <c r="L316" s="32">
        <v>309</v>
      </c>
      <c r="M316" s="32">
        <v>600</v>
      </c>
      <c r="N316" s="32">
        <v>72</v>
      </c>
      <c r="O316" s="32"/>
      <c r="P316" s="32"/>
      <c r="Q316" s="36"/>
      <c r="R316" s="37" t="s">
        <v>1486</v>
      </c>
    </row>
    <row r="317" spans="1:18" s="15" customFormat="1" ht="21" customHeight="1" x14ac:dyDescent="0.45">
      <c r="A317" s="29" t="s">
        <v>172</v>
      </c>
      <c r="B317" s="29" t="s">
        <v>447</v>
      </c>
      <c r="C317" s="30" t="s">
        <v>1087</v>
      </c>
      <c r="D317" s="31"/>
      <c r="E317" s="32" t="s">
        <v>279</v>
      </c>
      <c r="F317" s="32"/>
      <c r="G317" s="33"/>
      <c r="H317" s="31">
        <v>140</v>
      </c>
      <c r="I317" s="34">
        <v>1950</v>
      </c>
      <c r="J317" s="34" t="s">
        <v>1007</v>
      </c>
      <c r="K317" s="35">
        <v>4</v>
      </c>
      <c r="L317" s="32">
        <v>225</v>
      </c>
      <c r="M317" s="32">
        <v>420</v>
      </c>
      <c r="N317" s="32">
        <v>42</v>
      </c>
      <c r="O317" s="32">
        <v>1150</v>
      </c>
      <c r="P317" s="32"/>
      <c r="Q317" s="36"/>
      <c r="R317" s="37" t="s">
        <v>1250</v>
      </c>
    </row>
    <row r="318" spans="1:18" s="18" customFormat="1" ht="42" customHeight="1" x14ac:dyDescent="0.45">
      <c r="A318" s="29" t="s">
        <v>181</v>
      </c>
      <c r="B318" s="29" t="s">
        <v>1201</v>
      </c>
      <c r="C318" s="30" t="s">
        <v>1202</v>
      </c>
      <c r="D318" s="31"/>
      <c r="E318" s="32" t="s">
        <v>15</v>
      </c>
      <c r="F318" s="32"/>
      <c r="G318" s="33"/>
      <c r="H318" s="31">
        <v>140</v>
      </c>
      <c r="I318" s="32">
        <v>1950</v>
      </c>
      <c r="J318" s="34" t="s">
        <v>1367</v>
      </c>
      <c r="K318" s="35">
        <v>4</v>
      </c>
      <c r="L318" s="32">
        <v>225</v>
      </c>
      <c r="M318" s="32">
        <v>420</v>
      </c>
      <c r="N318" s="32">
        <v>42</v>
      </c>
      <c r="O318" s="32"/>
      <c r="P318" s="32"/>
      <c r="Q318" s="36"/>
      <c r="R318" s="37" t="s">
        <v>1368</v>
      </c>
    </row>
    <row r="319" spans="1:18" s="18" customFormat="1" ht="42" customHeight="1" x14ac:dyDescent="0.45">
      <c r="A319" s="29" t="s">
        <v>181</v>
      </c>
      <c r="B319" s="29" t="s">
        <v>1200</v>
      </c>
      <c r="C319" s="30" t="s">
        <v>450</v>
      </c>
      <c r="D319" s="31"/>
      <c r="E319" s="32" t="s">
        <v>279</v>
      </c>
      <c r="F319" s="32"/>
      <c r="G319" s="33"/>
      <c r="H319" s="31">
        <v>140</v>
      </c>
      <c r="I319" s="32">
        <v>1950</v>
      </c>
      <c r="J319" s="34" t="s">
        <v>1251</v>
      </c>
      <c r="K319" s="35">
        <v>4</v>
      </c>
      <c r="L319" s="32">
        <v>225</v>
      </c>
      <c r="M319" s="32">
        <v>420</v>
      </c>
      <c r="N319" s="32">
        <v>42</v>
      </c>
      <c r="O319" s="32"/>
      <c r="P319" s="32"/>
      <c r="Q319" s="36"/>
      <c r="R319" s="37" t="s">
        <v>874</v>
      </c>
    </row>
    <row r="320" spans="1:18" s="18" customFormat="1" ht="13.2" x14ac:dyDescent="0.45">
      <c r="A320" s="29" t="s">
        <v>181</v>
      </c>
      <c r="B320" s="29" t="s">
        <v>1200</v>
      </c>
      <c r="C320" s="30" t="s">
        <v>450</v>
      </c>
      <c r="D320" s="31"/>
      <c r="E320" s="32"/>
      <c r="F320" s="32"/>
      <c r="G320" s="33" t="s">
        <v>279</v>
      </c>
      <c r="H320" s="31"/>
      <c r="I320" s="32"/>
      <c r="J320" s="34"/>
      <c r="K320" s="35"/>
      <c r="L320" s="32"/>
      <c r="M320" s="32"/>
      <c r="N320" s="32"/>
      <c r="O320" s="32"/>
      <c r="P320" s="32"/>
      <c r="Q320" s="36"/>
      <c r="R320" s="37" t="s">
        <v>1538</v>
      </c>
    </row>
    <row r="321" spans="1:18" s="18" customFormat="1" ht="32.4" customHeight="1" x14ac:dyDescent="0.45">
      <c r="A321" s="29" t="s">
        <v>183</v>
      </c>
      <c r="B321" s="29" t="s">
        <v>1396</v>
      </c>
      <c r="C321" s="30" t="s">
        <v>1428</v>
      </c>
      <c r="D321" s="31"/>
      <c r="E321" s="32" t="s">
        <v>15</v>
      </c>
      <c r="F321" s="32"/>
      <c r="G321" s="33"/>
      <c r="H321" s="31">
        <v>160</v>
      </c>
      <c r="I321" s="32">
        <v>2300</v>
      </c>
      <c r="J321" s="34" t="s">
        <v>1042</v>
      </c>
      <c r="K321" s="35">
        <v>5.5</v>
      </c>
      <c r="L321" s="32">
        <v>309</v>
      </c>
      <c r="M321" s="32">
        <v>600</v>
      </c>
      <c r="N321" s="32">
        <v>72</v>
      </c>
      <c r="O321" s="32"/>
      <c r="P321" s="32"/>
      <c r="Q321" s="36"/>
      <c r="R321" s="37" t="s">
        <v>1429</v>
      </c>
    </row>
    <row r="322" spans="1:18" s="18" customFormat="1" ht="30.6" customHeight="1" x14ac:dyDescent="0.45">
      <c r="A322" s="29" t="s">
        <v>183</v>
      </c>
      <c r="B322" s="29" t="s">
        <v>378</v>
      </c>
      <c r="C322" s="30" t="s">
        <v>1428</v>
      </c>
      <c r="D322" s="31"/>
      <c r="E322" s="32" t="s">
        <v>15</v>
      </c>
      <c r="F322" s="32"/>
      <c r="G322" s="33"/>
      <c r="H322" s="31">
        <v>160</v>
      </c>
      <c r="I322" s="32">
        <v>2300</v>
      </c>
      <c r="J322" s="34" t="s">
        <v>1042</v>
      </c>
      <c r="K322" s="35">
        <v>5.5</v>
      </c>
      <c r="L322" s="32">
        <v>309</v>
      </c>
      <c r="M322" s="32">
        <v>600</v>
      </c>
      <c r="N322" s="32">
        <v>72</v>
      </c>
      <c r="O322" s="32"/>
      <c r="P322" s="32"/>
      <c r="Q322" s="36"/>
      <c r="R322" s="37" t="s">
        <v>1430</v>
      </c>
    </row>
    <row r="323" spans="1:18" s="18" customFormat="1" ht="28.8" x14ac:dyDescent="0.45">
      <c r="A323" s="29" t="s">
        <v>190</v>
      </c>
      <c r="B323" s="29" t="s">
        <v>432</v>
      </c>
      <c r="C323" s="30" t="s">
        <v>1716</v>
      </c>
      <c r="D323" s="31"/>
      <c r="E323" s="32" t="s">
        <v>279</v>
      </c>
      <c r="F323" s="32"/>
      <c r="G323" s="33"/>
      <c r="H323" s="31"/>
      <c r="I323" s="32" t="s">
        <v>293</v>
      </c>
      <c r="J323" s="34">
        <v>1200</v>
      </c>
      <c r="K323" s="35"/>
      <c r="L323" s="32"/>
      <c r="M323" s="32"/>
      <c r="N323" s="32"/>
      <c r="O323" s="32"/>
      <c r="P323" s="32"/>
      <c r="Q323" s="36"/>
      <c r="R323" s="37" t="s">
        <v>1413</v>
      </c>
    </row>
    <row r="324" spans="1:18" s="15" customFormat="1" ht="14.25" customHeight="1" x14ac:dyDescent="0.45">
      <c r="A324" s="29" t="s">
        <v>191</v>
      </c>
      <c r="B324" s="29" t="s">
        <v>943</v>
      </c>
      <c r="C324" s="30" t="s">
        <v>944</v>
      </c>
      <c r="D324" s="31"/>
      <c r="E324" s="32" t="s">
        <v>279</v>
      </c>
      <c r="F324" s="32"/>
      <c r="G324" s="33"/>
      <c r="H324" s="31"/>
      <c r="I324" s="32"/>
      <c r="J324" s="34"/>
      <c r="K324" s="35"/>
      <c r="L324" s="32"/>
      <c r="M324" s="32"/>
      <c r="N324" s="32"/>
      <c r="O324" s="32"/>
      <c r="P324" s="32"/>
      <c r="Q324" s="36"/>
      <c r="R324" s="37" t="s">
        <v>945</v>
      </c>
    </row>
    <row r="325" spans="1:18" s="18" customFormat="1" ht="21" customHeight="1" x14ac:dyDescent="0.45">
      <c r="A325" s="29" t="s">
        <v>192</v>
      </c>
      <c r="B325" s="29" t="s">
        <v>303</v>
      </c>
      <c r="C325" s="30" t="s">
        <v>668</v>
      </c>
      <c r="D325" s="31"/>
      <c r="E325" s="32" t="s">
        <v>279</v>
      </c>
      <c r="F325" s="32"/>
      <c r="G325" s="33"/>
      <c r="H325" s="31">
        <v>160</v>
      </c>
      <c r="I325" s="32">
        <v>2300</v>
      </c>
      <c r="J325" s="34">
        <v>1180</v>
      </c>
      <c r="K325" s="35">
        <v>5.5</v>
      </c>
      <c r="L325" s="32">
        <v>309</v>
      </c>
      <c r="M325" s="32">
        <v>600</v>
      </c>
      <c r="N325" s="32">
        <v>72</v>
      </c>
      <c r="O325" s="32">
        <v>1095</v>
      </c>
      <c r="P325" s="32"/>
      <c r="Q325" s="36"/>
      <c r="R325" s="37" t="s">
        <v>1481</v>
      </c>
    </row>
    <row r="326" spans="1:18" s="18" customFormat="1" ht="13.2" x14ac:dyDescent="0.45">
      <c r="A326" s="29" t="s">
        <v>192</v>
      </c>
      <c r="B326" s="29" t="s">
        <v>666</v>
      </c>
      <c r="C326" s="30" t="s">
        <v>1189</v>
      </c>
      <c r="D326" s="31"/>
      <c r="E326" s="32" t="s">
        <v>279</v>
      </c>
      <c r="F326" s="32"/>
      <c r="G326" s="33"/>
      <c r="H326" s="31"/>
      <c r="I326" s="32"/>
      <c r="J326" s="34"/>
      <c r="K326" s="35"/>
      <c r="L326" s="32"/>
      <c r="M326" s="32"/>
      <c r="N326" s="32"/>
      <c r="O326" s="32"/>
      <c r="P326" s="32"/>
      <c r="Q326" s="36"/>
      <c r="R326" s="37" t="s">
        <v>897</v>
      </c>
    </row>
    <row r="327" spans="1:18" s="18" customFormat="1" ht="21" customHeight="1" x14ac:dyDescent="0.45">
      <c r="A327" s="29" t="s">
        <v>193</v>
      </c>
      <c r="B327" s="29" t="s">
        <v>433</v>
      </c>
      <c r="C327" s="30" t="s">
        <v>400</v>
      </c>
      <c r="D327" s="31"/>
      <c r="E327" s="32" t="s">
        <v>279</v>
      </c>
      <c r="F327" s="32"/>
      <c r="G327" s="33"/>
      <c r="H327" s="31"/>
      <c r="I327" s="32">
        <v>1700</v>
      </c>
      <c r="J327" s="34">
        <v>680</v>
      </c>
      <c r="K327" s="35"/>
      <c r="L327" s="32">
        <v>135</v>
      </c>
      <c r="M327" s="32">
        <v>235</v>
      </c>
      <c r="N327" s="32"/>
      <c r="O327" s="32"/>
      <c r="P327" s="32"/>
      <c r="Q327" s="36"/>
      <c r="R327" s="37" t="s">
        <v>667</v>
      </c>
    </row>
    <row r="328" spans="1:18" s="18" customFormat="1" ht="31.5" customHeight="1" x14ac:dyDescent="0.45">
      <c r="A328" s="29" t="s">
        <v>195</v>
      </c>
      <c r="B328" s="29" t="s">
        <v>763</v>
      </c>
      <c r="C328" s="30" t="s">
        <v>1252</v>
      </c>
      <c r="D328" s="31"/>
      <c r="E328" s="32" t="s">
        <v>279</v>
      </c>
      <c r="F328" s="32"/>
      <c r="G328" s="33"/>
      <c r="H328" s="31">
        <v>120</v>
      </c>
      <c r="I328" s="32" t="s">
        <v>762</v>
      </c>
      <c r="J328" s="34" t="s">
        <v>1079</v>
      </c>
      <c r="K328" s="35">
        <v>4</v>
      </c>
      <c r="L328" s="32">
        <v>135</v>
      </c>
      <c r="M328" s="32">
        <v>235</v>
      </c>
      <c r="N328" s="32">
        <v>42</v>
      </c>
      <c r="O328" s="32">
        <v>625</v>
      </c>
      <c r="P328" s="32">
        <v>400</v>
      </c>
      <c r="Q328" s="36" t="s">
        <v>423</v>
      </c>
      <c r="R328" s="37" t="s">
        <v>1661</v>
      </c>
    </row>
    <row r="329" spans="1:18" s="18" customFormat="1" ht="31.5" customHeight="1" x14ac:dyDescent="0.45">
      <c r="A329" s="29" t="s">
        <v>195</v>
      </c>
      <c r="B329" s="29" t="s">
        <v>763</v>
      </c>
      <c r="C329" s="30" t="s">
        <v>1253</v>
      </c>
      <c r="D329" s="31"/>
      <c r="E329" s="32" t="s">
        <v>279</v>
      </c>
      <c r="F329" s="32"/>
      <c r="G329" s="33"/>
      <c r="H329" s="31">
        <v>120</v>
      </c>
      <c r="I329" s="32" t="s">
        <v>341</v>
      </c>
      <c r="J329" s="34" t="s">
        <v>1079</v>
      </c>
      <c r="K329" s="35">
        <v>4</v>
      </c>
      <c r="L329" s="32">
        <v>135</v>
      </c>
      <c r="M329" s="32">
        <v>235</v>
      </c>
      <c r="N329" s="32">
        <v>42</v>
      </c>
      <c r="O329" s="32">
        <v>625</v>
      </c>
      <c r="P329" s="32">
        <v>400</v>
      </c>
      <c r="Q329" s="36" t="s">
        <v>423</v>
      </c>
      <c r="R329" s="37" t="s">
        <v>1662</v>
      </c>
    </row>
    <row r="330" spans="1:18" s="15" customFormat="1" ht="13.2" x14ac:dyDescent="0.45">
      <c r="A330" s="29" t="s">
        <v>501</v>
      </c>
      <c r="B330" s="29" t="s">
        <v>303</v>
      </c>
      <c r="C330" s="30" t="s">
        <v>737</v>
      </c>
      <c r="D330" s="31"/>
      <c r="E330" s="32" t="s">
        <v>279</v>
      </c>
      <c r="F330" s="32"/>
      <c r="G330" s="33"/>
      <c r="H330" s="31">
        <v>120</v>
      </c>
      <c r="I330" s="32" t="s">
        <v>454</v>
      </c>
      <c r="J330" s="34">
        <v>680</v>
      </c>
      <c r="K330" s="35">
        <v>4</v>
      </c>
      <c r="L330" s="32">
        <v>135</v>
      </c>
      <c r="M330" s="32">
        <v>235</v>
      </c>
      <c r="N330" s="32">
        <v>42</v>
      </c>
      <c r="O330" s="32"/>
      <c r="P330" s="32">
        <v>225</v>
      </c>
      <c r="Q330" s="36"/>
      <c r="R330" s="37" t="s">
        <v>744</v>
      </c>
    </row>
    <row r="331" spans="1:18" s="15" customFormat="1" ht="13.2" x14ac:dyDescent="0.45">
      <c r="A331" s="29" t="s">
        <v>501</v>
      </c>
      <c r="B331" s="29" t="s">
        <v>1561</v>
      </c>
      <c r="C331" s="30" t="s">
        <v>739</v>
      </c>
      <c r="D331" s="31"/>
      <c r="E331" s="32" t="s">
        <v>279</v>
      </c>
      <c r="F331" s="32"/>
      <c r="G331" s="33"/>
      <c r="H331" s="31">
        <v>120</v>
      </c>
      <c r="I331" s="32" t="s">
        <v>454</v>
      </c>
      <c r="J331" s="34">
        <v>680</v>
      </c>
      <c r="K331" s="35">
        <v>4</v>
      </c>
      <c r="L331" s="32">
        <v>135</v>
      </c>
      <c r="M331" s="32">
        <v>235</v>
      </c>
      <c r="N331" s="32">
        <v>42</v>
      </c>
      <c r="O331" s="32"/>
      <c r="P331" s="32">
        <v>225</v>
      </c>
      <c r="Q331" s="36"/>
      <c r="R331" s="37" t="s">
        <v>738</v>
      </c>
    </row>
    <row r="332" spans="1:18" s="15" customFormat="1" ht="13.2" x14ac:dyDescent="0.45">
      <c r="A332" s="29" t="s">
        <v>501</v>
      </c>
      <c r="B332" s="29" t="s">
        <v>303</v>
      </c>
      <c r="C332" s="30" t="s">
        <v>935</v>
      </c>
      <c r="D332" s="31"/>
      <c r="E332" s="32" t="s">
        <v>279</v>
      </c>
      <c r="F332" s="32"/>
      <c r="G332" s="33"/>
      <c r="H332" s="31">
        <v>120</v>
      </c>
      <c r="I332" s="32" t="s">
        <v>454</v>
      </c>
      <c r="J332" s="34">
        <v>680</v>
      </c>
      <c r="K332" s="35">
        <v>4</v>
      </c>
      <c r="L332" s="32">
        <v>135</v>
      </c>
      <c r="M332" s="32">
        <v>235</v>
      </c>
      <c r="N332" s="32">
        <v>42</v>
      </c>
      <c r="O332" s="32"/>
      <c r="P332" s="32">
        <v>225</v>
      </c>
      <c r="Q332" s="36"/>
      <c r="R332" s="37" t="s">
        <v>738</v>
      </c>
    </row>
    <row r="333" spans="1:18" s="15" customFormat="1" ht="21" customHeight="1" x14ac:dyDescent="0.45">
      <c r="A333" s="29" t="s">
        <v>200</v>
      </c>
      <c r="B333" s="29" t="s">
        <v>303</v>
      </c>
      <c r="C333" s="30" t="s">
        <v>1353</v>
      </c>
      <c r="D333" s="31" t="s">
        <v>284</v>
      </c>
      <c r="E333" s="32" t="s">
        <v>287</v>
      </c>
      <c r="F333" s="32"/>
      <c r="G333" s="33"/>
      <c r="H333" s="31">
        <v>120</v>
      </c>
      <c r="I333" s="32" t="s">
        <v>454</v>
      </c>
      <c r="J333" s="34">
        <v>690</v>
      </c>
      <c r="K333" s="35">
        <v>4</v>
      </c>
      <c r="L333" s="32">
        <v>135</v>
      </c>
      <c r="M333" s="32">
        <v>235</v>
      </c>
      <c r="N333" s="32">
        <v>42</v>
      </c>
      <c r="O333" s="32">
        <v>625</v>
      </c>
      <c r="P333" s="32"/>
      <c r="Q333" s="36"/>
      <c r="R333" s="37" t="s">
        <v>814</v>
      </c>
    </row>
    <row r="334" spans="1:18" s="15" customFormat="1" ht="21" customHeight="1" x14ac:dyDescent="0.45">
      <c r="A334" s="29" t="s">
        <v>196</v>
      </c>
      <c r="B334" s="29" t="s">
        <v>303</v>
      </c>
      <c r="C334" s="30" t="s">
        <v>304</v>
      </c>
      <c r="D334" s="31"/>
      <c r="E334" s="32" t="s">
        <v>279</v>
      </c>
      <c r="F334" s="32"/>
      <c r="G334" s="33"/>
      <c r="H334" s="39" t="s">
        <v>1206</v>
      </c>
      <c r="I334" s="34" t="s">
        <v>477</v>
      </c>
      <c r="J334" s="34">
        <v>1180</v>
      </c>
      <c r="K334" s="35">
        <v>5.5</v>
      </c>
      <c r="L334" s="32">
        <v>309</v>
      </c>
      <c r="M334" s="32">
        <v>600</v>
      </c>
      <c r="N334" s="32">
        <v>72</v>
      </c>
      <c r="O334" s="32">
        <v>1560</v>
      </c>
      <c r="P334" s="32"/>
      <c r="Q334" s="36"/>
      <c r="R334" s="37" t="s">
        <v>957</v>
      </c>
    </row>
    <row r="335" spans="1:18" s="18" customFormat="1" ht="13.2" x14ac:dyDescent="0.45">
      <c r="A335" s="29" t="s">
        <v>198</v>
      </c>
      <c r="B335" s="29" t="s">
        <v>303</v>
      </c>
      <c r="C335" s="30" t="s">
        <v>1663</v>
      </c>
      <c r="D335" s="31" t="s">
        <v>527</v>
      </c>
      <c r="E335" s="32" t="s">
        <v>287</v>
      </c>
      <c r="F335" s="32"/>
      <c r="G335" s="33"/>
      <c r="H335" s="31"/>
      <c r="I335" s="32">
        <v>1400</v>
      </c>
      <c r="J335" s="34">
        <v>260</v>
      </c>
      <c r="K335" s="35"/>
      <c r="L335" s="32"/>
      <c r="M335" s="32"/>
      <c r="N335" s="32"/>
      <c r="O335" s="32"/>
      <c r="P335" s="32"/>
      <c r="Q335" s="36"/>
      <c r="R335" s="37" t="s">
        <v>813</v>
      </c>
    </row>
    <row r="336" spans="1:18" s="15" customFormat="1" ht="38.4" x14ac:dyDescent="0.45">
      <c r="A336" s="29" t="s">
        <v>199</v>
      </c>
      <c r="B336" s="29" t="s">
        <v>409</v>
      </c>
      <c r="C336" s="30" t="s">
        <v>1012</v>
      </c>
      <c r="D336" s="31"/>
      <c r="E336" s="32" t="s">
        <v>279</v>
      </c>
      <c r="F336" s="32"/>
      <c r="G336" s="33"/>
      <c r="H336" s="31">
        <v>140</v>
      </c>
      <c r="I336" s="34">
        <v>1950</v>
      </c>
      <c r="J336" s="34" t="s">
        <v>1013</v>
      </c>
      <c r="K336" s="35">
        <v>4</v>
      </c>
      <c r="L336" s="32">
        <v>225</v>
      </c>
      <c r="M336" s="32">
        <v>420</v>
      </c>
      <c r="N336" s="32">
        <v>42</v>
      </c>
      <c r="O336" s="32">
        <v>1150</v>
      </c>
      <c r="P336" s="32"/>
      <c r="Q336" s="36"/>
      <c r="R336" s="37" t="s">
        <v>1717</v>
      </c>
    </row>
    <row r="337" spans="1:18" s="18" customFormat="1" ht="38.4" x14ac:dyDescent="0.45">
      <c r="A337" s="29" t="s">
        <v>197</v>
      </c>
      <c r="B337" s="29" t="s">
        <v>455</v>
      </c>
      <c r="C337" s="30" t="s">
        <v>451</v>
      </c>
      <c r="D337" s="31"/>
      <c r="E337" s="32" t="s">
        <v>279</v>
      </c>
      <c r="F337" s="32"/>
      <c r="G337" s="33"/>
      <c r="H337" s="39" t="s">
        <v>1254</v>
      </c>
      <c r="I337" s="32" t="s">
        <v>529</v>
      </c>
      <c r="J337" s="34">
        <v>680</v>
      </c>
      <c r="K337" s="35">
        <v>4</v>
      </c>
      <c r="L337" s="32">
        <v>135</v>
      </c>
      <c r="M337" s="32">
        <v>235</v>
      </c>
      <c r="N337" s="32">
        <v>42</v>
      </c>
      <c r="O337" s="32">
        <v>625</v>
      </c>
      <c r="P337" s="32"/>
      <c r="Q337" s="36" t="s">
        <v>1030</v>
      </c>
      <c r="R337" s="37" t="s">
        <v>1255</v>
      </c>
    </row>
    <row r="338" spans="1:18" s="18" customFormat="1" ht="38.4" x14ac:dyDescent="0.45">
      <c r="A338" s="29" t="s">
        <v>202</v>
      </c>
      <c r="B338" s="29" t="s">
        <v>325</v>
      </c>
      <c r="C338" s="30" t="s">
        <v>312</v>
      </c>
      <c r="D338" s="31"/>
      <c r="E338" s="32" t="s">
        <v>279</v>
      </c>
      <c r="F338" s="32"/>
      <c r="G338" s="33"/>
      <c r="H338" s="39" t="s">
        <v>901</v>
      </c>
      <c r="I338" s="34" t="s">
        <v>1320</v>
      </c>
      <c r="J338" s="34">
        <v>810</v>
      </c>
      <c r="K338" s="35">
        <v>4</v>
      </c>
      <c r="L338" s="32">
        <v>195</v>
      </c>
      <c r="M338" s="32">
        <v>335</v>
      </c>
      <c r="N338" s="32">
        <v>42</v>
      </c>
      <c r="O338" s="32">
        <v>1000</v>
      </c>
      <c r="P338" s="32"/>
      <c r="Q338" s="36" t="s">
        <v>423</v>
      </c>
      <c r="R338" s="37" t="s">
        <v>1664</v>
      </c>
    </row>
    <row r="339" spans="1:18" s="18" customFormat="1" ht="31.5" customHeight="1" x14ac:dyDescent="0.45">
      <c r="A339" s="29" t="s">
        <v>204</v>
      </c>
      <c r="B339" s="29" t="s">
        <v>452</v>
      </c>
      <c r="C339" s="38" t="s">
        <v>453</v>
      </c>
      <c r="D339" s="31"/>
      <c r="E339" s="32" t="s">
        <v>279</v>
      </c>
      <c r="F339" s="32"/>
      <c r="G339" s="33"/>
      <c r="H339" s="31">
        <v>120</v>
      </c>
      <c r="I339" s="32" t="s">
        <v>454</v>
      </c>
      <c r="J339" s="34" t="s">
        <v>1159</v>
      </c>
      <c r="K339" s="35">
        <v>4</v>
      </c>
      <c r="L339" s="32">
        <v>135</v>
      </c>
      <c r="M339" s="32">
        <v>235</v>
      </c>
      <c r="N339" s="32">
        <v>42</v>
      </c>
      <c r="O339" s="32">
        <v>385</v>
      </c>
      <c r="P339" s="32"/>
      <c r="Q339" s="36" t="s">
        <v>1117</v>
      </c>
      <c r="R339" s="37" t="s">
        <v>1665</v>
      </c>
    </row>
    <row r="340" spans="1:18" s="18" customFormat="1" ht="21" customHeight="1" x14ac:dyDescent="0.45">
      <c r="A340" s="29" t="s">
        <v>209</v>
      </c>
      <c r="B340" s="29" t="s">
        <v>303</v>
      </c>
      <c r="C340" s="38" t="s">
        <v>655</v>
      </c>
      <c r="D340" s="31" t="s">
        <v>578</v>
      </c>
      <c r="E340" s="32" t="s">
        <v>287</v>
      </c>
      <c r="F340" s="32"/>
      <c r="G340" s="33"/>
      <c r="H340" s="31"/>
      <c r="I340" s="32" t="s">
        <v>341</v>
      </c>
      <c r="J340" s="34">
        <v>680</v>
      </c>
      <c r="K340" s="35"/>
      <c r="L340" s="32"/>
      <c r="M340" s="32"/>
      <c r="N340" s="32"/>
      <c r="O340" s="32"/>
      <c r="P340" s="32"/>
      <c r="Q340" s="36"/>
      <c r="R340" s="37" t="s">
        <v>814</v>
      </c>
    </row>
    <row r="341" spans="1:18" s="19" customFormat="1" ht="31.5" customHeight="1" x14ac:dyDescent="0.45">
      <c r="A341" s="29" t="s">
        <v>209</v>
      </c>
      <c r="B341" s="29" t="s">
        <v>303</v>
      </c>
      <c r="C341" s="30" t="s">
        <v>1086</v>
      </c>
      <c r="D341" s="31"/>
      <c r="E341" s="32" t="s">
        <v>279</v>
      </c>
      <c r="F341" s="32"/>
      <c r="G341" s="33"/>
      <c r="H341" s="31"/>
      <c r="I341" s="32"/>
      <c r="J341" s="34"/>
      <c r="K341" s="35"/>
      <c r="L341" s="32"/>
      <c r="M341" s="32"/>
      <c r="N341" s="32"/>
      <c r="O341" s="32"/>
      <c r="P341" s="32"/>
      <c r="Q341" s="36"/>
      <c r="R341" s="37" t="s">
        <v>827</v>
      </c>
    </row>
    <row r="342" spans="1:18" s="18" customFormat="1" ht="31.5" customHeight="1" x14ac:dyDescent="0.45">
      <c r="A342" s="29" t="s">
        <v>201</v>
      </c>
      <c r="B342" s="29" t="s">
        <v>1315</v>
      </c>
      <c r="C342" s="30" t="s">
        <v>1312</v>
      </c>
      <c r="D342" s="31"/>
      <c r="E342" s="32" t="s">
        <v>1313</v>
      </c>
      <c r="F342" s="32"/>
      <c r="G342" s="33"/>
      <c r="H342" s="31">
        <v>100</v>
      </c>
      <c r="I342" s="32" t="s">
        <v>1314</v>
      </c>
      <c r="J342" s="34">
        <v>460</v>
      </c>
      <c r="K342" s="35">
        <v>3</v>
      </c>
      <c r="L342" s="32">
        <v>135</v>
      </c>
      <c r="M342" s="32">
        <v>100</v>
      </c>
      <c r="N342" s="32">
        <v>22</v>
      </c>
      <c r="O342" s="32">
        <v>500</v>
      </c>
      <c r="P342" s="32"/>
      <c r="Q342" s="36"/>
      <c r="R342" s="37" t="s">
        <v>1316</v>
      </c>
    </row>
    <row r="343" spans="1:18" s="18" customFormat="1" ht="21" customHeight="1" x14ac:dyDescent="0.45">
      <c r="A343" s="29" t="s">
        <v>203</v>
      </c>
      <c r="B343" s="29" t="s">
        <v>303</v>
      </c>
      <c r="C343" s="30" t="s">
        <v>304</v>
      </c>
      <c r="D343" s="31"/>
      <c r="E343" s="32" t="s">
        <v>279</v>
      </c>
      <c r="F343" s="32"/>
      <c r="G343" s="33"/>
      <c r="H343" s="31"/>
      <c r="I343" s="32" t="s">
        <v>293</v>
      </c>
      <c r="J343" s="34">
        <v>1190</v>
      </c>
      <c r="K343" s="35">
        <v>5.5</v>
      </c>
      <c r="L343" s="32">
        <v>309</v>
      </c>
      <c r="M343" s="32">
        <v>600</v>
      </c>
      <c r="N343" s="32">
        <v>72</v>
      </c>
      <c r="O343" s="32">
        <v>1095</v>
      </c>
      <c r="P343" s="32"/>
      <c r="Q343" s="36"/>
      <c r="R343" s="37" t="s">
        <v>815</v>
      </c>
    </row>
    <row r="344" spans="1:18" s="18" customFormat="1" ht="19.2" x14ac:dyDescent="0.45">
      <c r="A344" s="29" t="s">
        <v>205</v>
      </c>
      <c r="B344" s="29" t="s">
        <v>303</v>
      </c>
      <c r="C344" s="30" t="s">
        <v>1666</v>
      </c>
      <c r="D344" s="31"/>
      <c r="E344" s="32" t="s">
        <v>279</v>
      </c>
      <c r="F344" s="32"/>
      <c r="G344" s="33"/>
      <c r="H344" s="31">
        <v>140</v>
      </c>
      <c r="I344" s="32" t="s">
        <v>301</v>
      </c>
      <c r="J344" s="34">
        <v>930</v>
      </c>
      <c r="K344" s="35">
        <v>4</v>
      </c>
      <c r="L344" s="32">
        <v>225</v>
      </c>
      <c r="M344" s="32">
        <v>420</v>
      </c>
      <c r="N344" s="32">
        <v>42</v>
      </c>
      <c r="O344" s="32"/>
      <c r="P344" s="32"/>
      <c r="Q344" s="36"/>
      <c r="R344" s="37" t="s">
        <v>1718</v>
      </c>
    </row>
    <row r="345" spans="1:18" s="15" customFormat="1" ht="13.2" x14ac:dyDescent="0.45">
      <c r="A345" s="29" t="s">
        <v>194</v>
      </c>
      <c r="B345" s="29" t="s">
        <v>401</v>
      </c>
      <c r="C345" s="30" t="s">
        <v>572</v>
      </c>
      <c r="D345" s="31"/>
      <c r="E345" s="32" t="s">
        <v>279</v>
      </c>
      <c r="F345" s="32"/>
      <c r="G345" s="33"/>
      <c r="H345" s="31"/>
      <c r="I345" s="32" t="s">
        <v>341</v>
      </c>
      <c r="J345" s="34">
        <v>680</v>
      </c>
      <c r="K345" s="35"/>
      <c r="L345" s="32"/>
      <c r="M345" s="32"/>
      <c r="N345" s="32"/>
      <c r="O345" s="32"/>
      <c r="P345" s="32"/>
      <c r="Q345" s="36"/>
      <c r="R345" s="37" t="s">
        <v>694</v>
      </c>
    </row>
    <row r="346" spans="1:18" s="15" customFormat="1" ht="19.2" x14ac:dyDescent="0.45">
      <c r="A346" s="29" t="s">
        <v>206</v>
      </c>
      <c r="B346" s="29" t="s">
        <v>644</v>
      </c>
      <c r="C346" s="30" t="s">
        <v>412</v>
      </c>
      <c r="D346" s="31"/>
      <c r="E346" s="32" t="s">
        <v>1032</v>
      </c>
      <c r="F346" s="32"/>
      <c r="G346" s="33"/>
      <c r="H346" s="31">
        <v>120</v>
      </c>
      <c r="I346" s="34" t="s">
        <v>1217</v>
      </c>
      <c r="J346" s="34">
        <v>690</v>
      </c>
      <c r="K346" s="35">
        <v>4</v>
      </c>
      <c r="L346" s="32">
        <v>135</v>
      </c>
      <c r="M346" s="32">
        <v>235</v>
      </c>
      <c r="N346" s="32">
        <v>42</v>
      </c>
      <c r="O346" s="32">
        <v>625</v>
      </c>
      <c r="P346" s="32"/>
      <c r="Q346" s="36"/>
      <c r="R346" s="37" t="s">
        <v>1667</v>
      </c>
    </row>
    <row r="347" spans="1:18" s="15" customFormat="1" ht="21" customHeight="1" x14ac:dyDescent="0.45">
      <c r="A347" s="29" t="s">
        <v>207</v>
      </c>
      <c r="B347" s="29" t="s">
        <v>303</v>
      </c>
      <c r="C347" s="30" t="s">
        <v>1359</v>
      </c>
      <c r="D347" s="31"/>
      <c r="E347" s="32" t="s">
        <v>279</v>
      </c>
      <c r="F347" s="32"/>
      <c r="G347" s="33"/>
      <c r="H347" s="31"/>
      <c r="I347" s="32" t="s">
        <v>293</v>
      </c>
      <c r="J347" s="34">
        <v>1260</v>
      </c>
      <c r="K347" s="35">
        <v>5.5</v>
      </c>
      <c r="L347" s="32">
        <v>334</v>
      </c>
      <c r="M347" s="32"/>
      <c r="N347" s="32">
        <v>72</v>
      </c>
      <c r="O347" s="32"/>
      <c r="P347" s="32"/>
      <c r="Q347" s="36"/>
      <c r="R347" s="37" t="s">
        <v>828</v>
      </c>
    </row>
    <row r="348" spans="1:18" s="15" customFormat="1" ht="24" customHeight="1" x14ac:dyDescent="0.45">
      <c r="A348" s="29" t="s">
        <v>207</v>
      </c>
      <c r="B348" s="29" t="s">
        <v>568</v>
      </c>
      <c r="C348" s="30" t="s">
        <v>569</v>
      </c>
      <c r="D348" s="31" t="s">
        <v>570</v>
      </c>
      <c r="E348" s="32" t="s">
        <v>287</v>
      </c>
      <c r="F348" s="32"/>
      <c r="G348" s="33"/>
      <c r="H348" s="31"/>
      <c r="I348" s="32" t="s">
        <v>571</v>
      </c>
      <c r="J348" s="34">
        <v>1050</v>
      </c>
      <c r="K348" s="35">
        <v>4.5</v>
      </c>
      <c r="L348" s="32">
        <v>255</v>
      </c>
      <c r="M348" s="32"/>
      <c r="N348" s="32">
        <v>61</v>
      </c>
      <c r="O348" s="32"/>
      <c r="P348" s="32"/>
      <c r="Q348" s="36"/>
      <c r="R348" s="37" t="s">
        <v>1487</v>
      </c>
    </row>
    <row r="349" spans="1:18" s="15" customFormat="1" ht="48" x14ac:dyDescent="0.45">
      <c r="A349" s="42" t="s">
        <v>208</v>
      </c>
      <c r="B349" s="42" t="s">
        <v>303</v>
      </c>
      <c r="C349" s="43" t="s">
        <v>1378</v>
      </c>
      <c r="D349" s="44"/>
      <c r="E349" s="45" t="s">
        <v>279</v>
      </c>
      <c r="F349" s="45"/>
      <c r="G349" s="46"/>
      <c r="H349" s="47" t="s">
        <v>1256</v>
      </c>
      <c r="I349" s="45">
        <v>1950</v>
      </c>
      <c r="J349" s="48">
        <v>930</v>
      </c>
      <c r="K349" s="49">
        <v>4</v>
      </c>
      <c r="L349" s="45">
        <v>225</v>
      </c>
      <c r="M349" s="45">
        <v>420</v>
      </c>
      <c r="N349" s="45">
        <v>42</v>
      </c>
      <c r="O349" s="45">
        <v>1150</v>
      </c>
      <c r="P349" s="45"/>
      <c r="Q349" s="52"/>
      <c r="R349" s="51" t="s">
        <v>1668</v>
      </c>
    </row>
    <row r="350" spans="1:18" s="15" customFormat="1" ht="22.5" customHeight="1" x14ac:dyDescent="0.45">
      <c r="A350" s="29" t="s">
        <v>224</v>
      </c>
      <c r="B350" s="29" t="s">
        <v>1048</v>
      </c>
      <c r="C350" s="30" t="s">
        <v>1669</v>
      </c>
      <c r="D350" s="31"/>
      <c r="E350" s="32" t="s">
        <v>1049</v>
      </c>
      <c r="F350" s="32"/>
      <c r="G350" s="33"/>
      <c r="H350" s="31"/>
      <c r="I350" s="32" t="s">
        <v>1050</v>
      </c>
      <c r="J350" s="34">
        <v>690</v>
      </c>
      <c r="K350" s="35"/>
      <c r="L350" s="32"/>
      <c r="M350" s="32"/>
      <c r="N350" s="32"/>
      <c r="O350" s="32"/>
      <c r="P350" s="32"/>
      <c r="Q350" s="36"/>
      <c r="R350" s="37" t="s">
        <v>1081</v>
      </c>
    </row>
    <row r="351" spans="1:18" s="15" customFormat="1" ht="31.5" customHeight="1" x14ac:dyDescent="0.45">
      <c r="A351" s="29" t="s">
        <v>218</v>
      </c>
      <c r="B351" s="29" t="s">
        <v>303</v>
      </c>
      <c r="C351" s="38" t="s">
        <v>1670</v>
      </c>
      <c r="D351" s="31"/>
      <c r="E351" s="32" t="s">
        <v>279</v>
      </c>
      <c r="F351" s="32"/>
      <c r="G351" s="33"/>
      <c r="H351" s="31">
        <v>130</v>
      </c>
      <c r="I351" s="32">
        <v>1820</v>
      </c>
      <c r="J351" s="34">
        <v>770</v>
      </c>
      <c r="K351" s="35">
        <v>4</v>
      </c>
      <c r="L351" s="32">
        <v>195</v>
      </c>
      <c r="M351" s="32"/>
      <c r="N351" s="32">
        <v>42</v>
      </c>
      <c r="O351" s="32">
        <v>1000</v>
      </c>
      <c r="P351" s="32">
        <v>410</v>
      </c>
      <c r="Q351" s="41"/>
      <c r="R351" s="37" t="s">
        <v>1671</v>
      </c>
    </row>
    <row r="352" spans="1:18" s="15" customFormat="1" ht="23.25" customHeight="1" x14ac:dyDescent="0.45">
      <c r="A352" s="29" t="s">
        <v>217</v>
      </c>
      <c r="B352" s="29" t="s">
        <v>1046</v>
      </c>
      <c r="C352" s="30" t="s">
        <v>1257</v>
      </c>
      <c r="D352" s="31"/>
      <c r="E352" s="32" t="s">
        <v>279</v>
      </c>
      <c r="F352" s="32"/>
      <c r="G352" s="33"/>
      <c r="H352" s="31"/>
      <c r="I352" s="32" t="s">
        <v>341</v>
      </c>
      <c r="J352" s="34"/>
      <c r="K352" s="35">
        <v>4</v>
      </c>
      <c r="L352" s="32">
        <v>135</v>
      </c>
      <c r="M352" s="32">
        <v>235</v>
      </c>
      <c r="N352" s="32"/>
      <c r="O352" s="32">
        <v>385</v>
      </c>
      <c r="P352" s="32"/>
      <c r="Q352" s="36"/>
      <c r="R352" s="37" t="s">
        <v>1047</v>
      </c>
    </row>
    <row r="353" spans="1:18" s="15" customFormat="1" ht="27" customHeight="1" x14ac:dyDescent="0.45">
      <c r="A353" s="29" t="s">
        <v>211</v>
      </c>
      <c r="B353" s="29" t="s">
        <v>449</v>
      </c>
      <c r="C353" s="30" t="s">
        <v>310</v>
      </c>
      <c r="D353" s="31"/>
      <c r="E353" s="32" t="s">
        <v>279</v>
      </c>
      <c r="F353" s="32"/>
      <c r="G353" s="33"/>
      <c r="H353" s="31"/>
      <c r="I353" s="32" t="s">
        <v>301</v>
      </c>
      <c r="J353" s="34"/>
      <c r="K353" s="35"/>
      <c r="L353" s="32"/>
      <c r="M353" s="32"/>
      <c r="N353" s="32"/>
      <c r="O353" s="32"/>
      <c r="P353" s="32"/>
      <c r="Q353" s="36"/>
      <c r="R353" s="37" t="s">
        <v>1672</v>
      </c>
    </row>
    <row r="354" spans="1:18" s="15" customFormat="1" ht="21" customHeight="1" x14ac:dyDescent="0.45">
      <c r="A354" s="29" t="s">
        <v>212</v>
      </c>
      <c r="B354" s="29" t="s">
        <v>303</v>
      </c>
      <c r="C354" s="38" t="s">
        <v>1673</v>
      </c>
      <c r="D354" s="31"/>
      <c r="E354" s="32" t="s">
        <v>279</v>
      </c>
      <c r="F354" s="32"/>
      <c r="G354" s="33"/>
      <c r="H354" s="31">
        <v>120</v>
      </c>
      <c r="I354" s="32">
        <v>1700</v>
      </c>
      <c r="J354" s="32">
        <v>680</v>
      </c>
      <c r="K354" s="35">
        <v>4</v>
      </c>
      <c r="L354" s="32">
        <v>135</v>
      </c>
      <c r="M354" s="32"/>
      <c r="N354" s="32">
        <v>42</v>
      </c>
      <c r="O354" s="32">
        <v>625</v>
      </c>
      <c r="P354" s="32"/>
      <c r="Q354" s="36" t="s">
        <v>1346</v>
      </c>
      <c r="R354" s="37" t="s">
        <v>788</v>
      </c>
    </row>
    <row r="355" spans="1:18" s="15" customFormat="1" ht="19.2" x14ac:dyDescent="0.45">
      <c r="A355" s="29" t="s">
        <v>212</v>
      </c>
      <c r="B355" s="29" t="s">
        <v>378</v>
      </c>
      <c r="C355" s="38" t="s">
        <v>1674</v>
      </c>
      <c r="D355" s="31"/>
      <c r="E355" s="32" t="s">
        <v>279</v>
      </c>
      <c r="F355" s="32"/>
      <c r="G355" s="33"/>
      <c r="H355" s="31">
        <v>120</v>
      </c>
      <c r="I355" s="32">
        <v>1700</v>
      </c>
      <c r="J355" s="32">
        <v>680</v>
      </c>
      <c r="K355" s="35">
        <v>4</v>
      </c>
      <c r="L355" s="32">
        <v>135</v>
      </c>
      <c r="M355" s="32"/>
      <c r="N355" s="32">
        <v>42</v>
      </c>
      <c r="O355" s="32">
        <v>625</v>
      </c>
      <c r="P355" s="32"/>
      <c r="Q355" s="36" t="s">
        <v>1346</v>
      </c>
      <c r="R355" s="37" t="s">
        <v>1675</v>
      </c>
    </row>
    <row r="356" spans="1:18" s="15" customFormat="1" ht="33.75" customHeight="1" x14ac:dyDescent="0.45">
      <c r="A356" s="29" t="s">
        <v>231</v>
      </c>
      <c r="B356" s="29" t="s">
        <v>635</v>
      </c>
      <c r="C356" s="38" t="s">
        <v>1676</v>
      </c>
      <c r="D356" s="31"/>
      <c r="E356" s="32" t="s">
        <v>279</v>
      </c>
      <c r="F356" s="32"/>
      <c r="G356" s="33"/>
      <c r="H356" s="31">
        <v>120</v>
      </c>
      <c r="I356" s="32" t="s">
        <v>341</v>
      </c>
      <c r="J356" s="34">
        <v>680</v>
      </c>
      <c r="K356" s="35">
        <v>4</v>
      </c>
      <c r="L356" s="32">
        <v>135</v>
      </c>
      <c r="M356" s="32">
        <v>235</v>
      </c>
      <c r="N356" s="32">
        <v>42</v>
      </c>
      <c r="O356" s="32">
        <v>625</v>
      </c>
      <c r="P356" s="32"/>
      <c r="Q356" s="36" t="s">
        <v>423</v>
      </c>
      <c r="R356" s="37" t="s">
        <v>732</v>
      </c>
    </row>
    <row r="357" spans="1:18" s="15" customFormat="1" ht="19.2" x14ac:dyDescent="0.45">
      <c r="A357" s="29" t="s">
        <v>231</v>
      </c>
      <c r="B357" s="29" t="s">
        <v>635</v>
      </c>
      <c r="C357" s="38" t="s">
        <v>1509</v>
      </c>
      <c r="D357" s="31"/>
      <c r="E357" s="32" t="s">
        <v>279</v>
      </c>
      <c r="F357" s="32"/>
      <c r="G357" s="33"/>
      <c r="H357" s="31">
        <v>100</v>
      </c>
      <c r="I357" s="32" t="s">
        <v>566</v>
      </c>
      <c r="J357" s="34">
        <v>260</v>
      </c>
      <c r="K357" s="35">
        <v>4</v>
      </c>
      <c r="L357" s="32">
        <v>135</v>
      </c>
      <c r="M357" s="32">
        <v>235</v>
      </c>
      <c r="N357" s="32">
        <v>42</v>
      </c>
      <c r="O357" s="32">
        <v>320</v>
      </c>
      <c r="P357" s="32"/>
      <c r="Q357" s="36" t="s">
        <v>423</v>
      </c>
      <c r="R357" s="37" t="s">
        <v>1305</v>
      </c>
    </row>
    <row r="358" spans="1:18" s="15" customFormat="1" ht="27" customHeight="1" x14ac:dyDescent="0.45">
      <c r="A358" s="29" t="s">
        <v>228</v>
      </c>
      <c r="B358" s="29" t="s">
        <v>940</v>
      </c>
      <c r="C358" s="30" t="s">
        <v>310</v>
      </c>
      <c r="D358" s="31"/>
      <c r="E358" s="32" t="s">
        <v>279</v>
      </c>
      <c r="F358" s="32"/>
      <c r="G358" s="33"/>
      <c r="H358" s="31">
        <v>140</v>
      </c>
      <c r="I358" s="32" t="s">
        <v>301</v>
      </c>
      <c r="J358" s="34">
        <v>960</v>
      </c>
      <c r="K358" s="35">
        <v>4</v>
      </c>
      <c r="L358" s="32">
        <v>225</v>
      </c>
      <c r="M358" s="32">
        <v>420</v>
      </c>
      <c r="N358" s="32">
        <v>42</v>
      </c>
      <c r="O358" s="32"/>
      <c r="P358" s="32">
        <v>550</v>
      </c>
      <c r="Q358" s="41"/>
      <c r="R358" s="37" t="s">
        <v>1677</v>
      </c>
    </row>
    <row r="359" spans="1:18" s="15" customFormat="1" ht="52.5" customHeight="1" x14ac:dyDescent="0.45">
      <c r="A359" s="29" t="s">
        <v>1219</v>
      </c>
      <c r="B359" s="29" t="s">
        <v>1258</v>
      </c>
      <c r="C359" s="30" t="s">
        <v>1153</v>
      </c>
      <c r="D359" s="31"/>
      <c r="E359" s="32" t="s">
        <v>279</v>
      </c>
      <c r="F359" s="32"/>
      <c r="G359" s="33"/>
      <c r="H359" s="39">
        <v>140</v>
      </c>
      <c r="I359" s="34">
        <v>1950</v>
      </c>
      <c r="J359" s="34" t="s">
        <v>1034</v>
      </c>
      <c r="K359" s="40">
        <v>4</v>
      </c>
      <c r="L359" s="34">
        <v>225</v>
      </c>
      <c r="M359" s="34">
        <v>420</v>
      </c>
      <c r="N359" s="34">
        <v>42</v>
      </c>
      <c r="O359" s="34">
        <v>1150</v>
      </c>
      <c r="P359" s="34"/>
      <c r="Q359" s="41"/>
      <c r="R359" s="37" t="s">
        <v>1678</v>
      </c>
    </row>
    <row r="360" spans="1:18" s="18" customFormat="1" ht="13.2" x14ac:dyDescent="0.45">
      <c r="A360" s="29" t="s">
        <v>213</v>
      </c>
      <c r="B360" s="29" t="s">
        <v>350</v>
      </c>
      <c r="C360" s="30" t="s">
        <v>877</v>
      </c>
      <c r="D360" s="31"/>
      <c r="E360" s="32" t="s">
        <v>287</v>
      </c>
      <c r="F360" s="32"/>
      <c r="G360" s="33"/>
      <c r="H360" s="39">
        <v>120</v>
      </c>
      <c r="I360" s="34" t="s">
        <v>341</v>
      </c>
      <c r="J360" s="34">
        <v>690</v>
      </c>
      <c r="K360" s="35">
        <v>4</v>
      </c>
      <c r="L360" s="32">
        <v>190</v>
      </c>
      <c r="M360" s="32"/>
      <c r="N360" s="32">
        <v>42</v>
      </c>
      <c r="O360" s="32">
        <v>650</v>
      </c>
      <c r="P360" s="32"/>
      <c r="Q360" s="36"/>
      <c r="R360" s="37" t="s">
        <v>814</v>
      </c>
    </row>
    <row r="361" spans="1:18" s="18" customFormat="1" ht="13.2" x14ac:dyDescent="0.45">
      <c r="A361" s="29" t="s">
        <v>213</v>
      </c>
      <c r="B361" s="29" t="s">
        <v>597</v>
      </c>
      <c r="C361" s="30" t="s">
        <v>304</v>
      </c>
      <c r="D361" s="31"/>
      <c r="E361" s="32" t="s">
        <v>279</v>
      </c>
      <c r="F361" s="32"/>
      <c r="G361" s="33"/>
      <c r="H361" s="39">
        <v>120</v>
      </c>
      <c r="I361" s="34" t="s">
        <v>341</v>
      </c>
      <c r="J361" s="34">
        <v>690</v>
      </c>
      <c r="K361" s="35">
        <v>4</v>
      </c>
      <c r="L361" s="32">
        <v>190</v>
      </c>
      <c r="M361" s="32"/>
      <c r="N361" s="32">
        <v>42</v>
      </c>
      <c r="O361" s="32">
        <v>650</v>
      </c>
      <c r="P361" s="32"/>
      <c r="Q361" s="36"/>
      <c r="R361" s="37" t="s">
        <v>1109</v>
      </c>
    </row>
    <row r="362" spans="1:18" s="15" customFormat="1" ht="19.2" x14ac:dyDescent="0.45">
      <c r="A362" s="29" t="s">
        <v>214</v>
      </c>
      <c r="B362" s="29" t="s">
        <v>350</v>
      </c>
      <c r="C362" s="30" t="s">
        <v>636</v>
      </c>
      <c r="D362" s="31"/>
      <c r="E362" s="32" t="s">
        <v>279</v>
      </c>
      <c r="F362" s="32"/>
      <c r="G362" s="33"/>
      <c r="H362" s="39" t="s">
        <v>1041</v>
      </c>
      <c r="I362" s="32" t="s">
        <v>301</v>
      </c>
      <c r="J362" s="34">
        <v>920</v>
      </c>
      <c r="K362" s="35">
        <v>4</v>
      </c>
      <c r="L362" s="32">
        <v>220</v>
      </c>
      <c r="M362" s="32"/>
      <c r="N362" s="32">
        <v>48</v>
      </c>
      <c r="O362" s="32"/>
      <c r="P362" s="32">
        <v>530</v>
      </c>
      <c r="Q362" s="36"/>
      <c r="R362" s="37" t="s">
        <v>900</v>
      </c>
    </row>
    <row r="363" spans="1:18" s="15" customFormat="1" ht="21" customHeight="1" x14ac:dyDescent="0.45">
      <c r="A363" s="29" t="s">
        <v>598</v>
      </c>
      <c r="B363" s="29" t="s">
        <v>350</v>
      </c>
      <c r="C363" s="30" t="s">
        <v>574</v>
      </c>
      <c r="D363" s="31"/>
      <c r="E363" s="32" t="s">
        <v>279</v>
      </c>
      <c r="F363" s="32"/>
      <c r="G363" s="33"/>
      <c r="H363" s="31">
        <v>120</v>
      </c>
      <c r="I363" s="32" t="s">
        <v>454</v>
      </c>
      <c r="J363" s="34" t="s">
        <v>1155</v>
      </c>
      <c r="K363" s="35">
        <v>3</v>
      </c>
      <c r="L363" s="32">
        <v>135</v>
      </c>
      <c r="M363" s="32">
        <v>235</v>
      </c>
      <c r="N363" s="32">
        <v>35</v>
      </c>
      <c r="O363" s="32"/>
      <c r="P363" s="32">
        <v>460</v>
      </c>
      <c r="Q363" s="36" t="s">
        <v>423</v>
      </c>
      <c r="R363" s="37" t="s">
        <v>637</v>
      </c>
    </row>
    <row r="364" spans="1:18" s="15" customFormat="1" ht="13.2" x14ac:dyDescent="0.45">
      <c r="A364" s="29" t="s">
        <v>598</v>
      </c>
      <c r="B364" s="29" t="s">
        <v>599</v>
      </c>
      <c r="C364" s="30" t="s">
        <v>634</v>
      </c>
      <c r="D364" s="31" t="s">
        <v>284</v>
      </c>
      <c r="E364" s="32"/>
      <c r="F364" s="32"/>
      <c r="G364" s="33"/>
      <c r="H364" s="31"/>
      <c r="I364" s="32" t="s">
        <v>454</v>
      </c>
      <c r="J364" s="34"/>
      <c r="K364" s="35"/>
      <c r="L364" s="32"/>
      <c r="M364" s="32"/>
      <c r="N364" s="32"/>
      <c r="O364" s="32"/>
      <c r="P364" s="32"/>
      <c r="Q364" s="36"/>
      <c r="R364" s="37"/>
    </row>
    <row r="365" spans="1:18" s="15" customFormat="1" ht="38.4" x14ac:dyDescent="0.45">
      <c r="A365" s="29" t="s">
        <v>215</v>
      </c>
      <c r="B365" s="29" t="s">
        <v>419</v>
      </c>
      <c r="C365" s="30" t="s">
        <v>875</v>
      </c>
      <c r="D365" s="31" t="s">
        <v>876</v>
      </c>
      <c r="E365" s="32"/>
      <c r="F365" s="32"/>
      <c r="G365" s="33"/>
      <c r="H365" s="31"/>
      <c r="I365" s="32" t="s">
        <v>623</v>
      </c>
      <c r="J365" s="34" t="s">
        <v>939</v>
      </c>
      <c r="K365" s="35">
        <v>3</v>
      </c>
      <c r="L365" s="32"/>
      <c r="M365" s="32"/>
      <c r="N365" s="32">
        <v>38</v>
      </c>
      <c r="O365" s="32"/>
      <c r="P365" s="32">
        <v>395</v>
      </c>
      <c r="Q365" s="36" t="s">
        <v>423</v>
      </c>
      <c r="R365" s="37"/>
    </row>
    <row r="366" spans="1:18" s="15" customFormat="1" ht="38.4" x14ac:dyDescent="0.45">
      <c r="A366" s="29" t="s">
        <v>215</v>
      </c>
      <c r="B366" s="29" t="s">
        <v>937</v>
      </c>
      <c r="C366" s="30" t="s">
        <v>875</v>
      </c>
      <c r="D366" s="31" t="s">
        <v>284</v>
      </c>
      <c r="E366" s="32"/>
      <c r="F366" s="32"/>
      <c r="G366" s="33"/>
      <c r="H366" s="31"/>
      <c r="I366" s="32" t="s">
        <v>623</v>
      </c>
      <c r="J366" s="34" t="s">
        <v>938</v>
      </c>
      <c r="K366" s="35"/>
      <c r="L366" s="32"/>
      <c r="M366" s="32"/>
      <c r="N366" s="32">
        <v>36</v>
      </c>
      <c r="O366" s="32"/>
      <c r="P366" s="32">
        <v>385</v>
      </c>
      <c r="Q366" s="36" t="s">
        <v>423</v>
      </c>
      <c r="R366" s="37"/>
    </row>
    <row r="367" spans="1:18" s="15" customFormat="1" ht="13.2" x14ac:dyDescent="0.45">
      <c r="A367" s="29" t="s">
        <v>1402</v>
      </c>
      <c r="B367" s="29" t="s">
        <v>1337</v>
      </c>
      <c r="C367" s="30" t="s">
        <v>875</v>
      </c>
      <c r="D367" s="31" t="s">
        <v>284</v>
      </c>
      <c r="E367" s="32"/>
      <c r="F367" s="32"/>
      <c r="G367" s="33"/>
      <c r="H367" s="31"/>
      <c r="I367" s="32" t="s">
        <v>623</v>
      </c>
      <c r="J367" s="34"/>
      <c r="K367" s="35"/>
      <c r="L367" s="32"/>
      <c r="M367" s="32"/>
      <c r="N367" s="32"/>
      <c r="O367" s="32"/>
      <c r="P367" s="32"/>
      <c r="Q367" s="36"/>
      <c r="R367" s="37"/>
    </row>
    <row r="368" spans="1:18" s="15" customFormat="1" ht="13.2" x14ac:dyDescent="0.45">
      <c r="A368" s="29" t="s">
        <v>215</v>
      </c>
      <c r="B368" s="29" t="s">
        <v>1336</v>
      </c>
      <c r="C368" s="30" t="s">
        <v>875</v>
      </c>
      <c r="D368" s="31" t="s">
        <v>284</v>
      </c>
      <c r="E368" s="32"/>
      <c r="F368" s="32"/>
      <c r="G368" s="33"/>
      <c r="H368" s="31"/>
      <c r="I368" s="32" t="s">
        <v>623</v>
      </c>
      <c r="J368" s="34"/>
      <c r="K368" s="35"/>
      <c r="L368" s="32"/>
      <c r="M368" s="32"/>
      <c r="N368" s="32"/>
      <c r="O368" s="32"/>
      <c r="P368" s="32">
        <v>430</v>
      </c>
      <c r="Q368" s="36"/>
      <c r="R368" s="37"/>
    </row>
    <row r="369" spans="1:18" s="15" customFormat="1" ht="42" customHeight="1" x14ac:dyDescent="0.45">
      <c r="A369" s="29" t="s">
        <v>215</v>
      </c>
      <c r="B369" s="29" t="s">
        <v>350</v>
      </c>
      <c r="C369" s="30" t="s">
        <v>1679</v>
      </c>
      <c r="D369" s="31"/>
      <c r="E369" s="32" t="s">
        <v>279</v>
      </c>
      <c r="F369" s="32"/>
      <c r="G369" s="33"/>
      <c r="H369" s="39" t="s">
        <v>590</v>
      </c>
      <c r="I369" s="32" t="s">
        <v>301</v>
      </c>
      <c r="J369" s="34" t="s">
        <v>1251</v>
      </c>
      <c r="K369" s="35">
        <v>4</v>
      </c>
      <c r="L369" s="32">
        <v>225</v>
      </c>
      <c r="M369" s="32">
        <v>420</v>
      </c>
      <c r="N369" s="32">
        <v>42</v>
      </c>
      <c r="O369" s="32">
        <v>1150</v>
      </c>
      <c r="P369" s="32"/>
      <c r="Q369" s="36"/>
      <c r="R369" s="37" t="s">
        <v>1110</v>
      </c>
    </row>
    <row r="370" spans="1:18" s="15" customFormat="1" ht="28.8" x14ac:dyDescent="0.45">
      <c r="A370" s="29" t="s">
        <v>502</v>
      </c>
      <c r="B370" s="29" t="s">
        <v>303</v>
      </c>
      <c r="C370" s="30" t="s">
        <v>574</v>
      </c>
      <c r="D370" s="31"/>
      <c r="E370" s="32" t="s">
        <v>279</v>
      </c>
      <c r="F370" s="32"/>
      <c r="G370" s="33"/>
      <c r="H370" s="31">
        <v>140</v>
      </c>
      <c r="I370" s="34" t="s">
        <v>1172</v>
      </c>
      <c r="J370" s="34">
        <v>960</v>
      </c>
      <c r="K370" s="35"/>
      <c r="L370" s="32">
        <v>225</v>
      </c>
      <c r="M370" s="32">
        <v>420</v>
      </c>
      <c r="N370" s="32">
        <v>42</v>
      </c>
      <c r="O370" s="32">
        <v>790</v>
      </c>
      <c r="P370" s="32">
        <v>550</v>
      </c>
      <c r="Q370" s="36"/>
      <c r="R370" s="37" t="s">
        <v>1680</v>
      </c>
    </row>
    <row r="371" spans="1:18" s="15" customFormat="1" ht="28.8" x14ac:dyDescent="0.45">
      <c r="A371" s="29" t="s">
        <v>216</v>
      </c>
      <c r="B371" s="29" t="s">
        <v>1043</v>
      </c>
      <c r="C371" s="30" t="s">
        <v>1681</v>
      </c>
      <c r="D371" s="31"/>
      <c r="E371" s="32" t="s">
        <v>1044</v>
      </c>
      <c r="F371" s="32"/>
      <c r="G371" s="33"/>
      <c r="H371" s="31">
        <v>140</v>
      </c>
      <c r="I371" s="32" t="s">
        <v>1045</v>
      </c>
      <c r="J371" s="34">
        <v>930</v>
      </c>
      <c r="K371" s="35">
        <v>4</v>
      </c>
      <c r="L371" s="32">
        <v>225</v>
      </c>
      <c r="M371" s="32">
        <v>420</v>
      </c>
      <c r="N371" s="32">
        <v>42</v>
      </c>
      <c r="O371" s="32">
        <v>1150</v>
      </c>
      <c r="P371" s="32"/>
      <c r="Q371" s="36"/>
      <c r="R371" s="37" t="s">
        <v>1682</v>
      </c>
    </row>
    <row r="372" spans="1:18" s="15" customFormat="1" ht="13.2" x14ac:dyDescent="0.45">
      <c r="A372" s="29" t="s">
        <v>503</v>
      </c>
      <c r="B372" s="29" t="s">
        <v>1507</v>
      </c>
      <c r="C372" s="30" t="s">
        <v>1508</v>
      </c>
      <c r="D372" s="31" t="s">
        <v>284</v>
      </c>
      <c r="E372" s="32"/>
      <c r="F372" s="32"/>
      <c r="G372" s="33"/>
      <c r="H372" s="31"/>
      <c r="I372" s="32" t="s">
        <v>1506</v>
      </c>
      <c r="J372" s="34">
        <v>960</v>
      </c>
      <c r="K372" s="35"/>
      <c r="L372" s="32"/>
      <c r="M372" s="32"/>
      <c r="N372" s="32">
        <v>52</v>
      </c>
      <c r="O372" s="32"/>
      <c r="P372" s="32">
        <v>500</v>
      </c>
      <c r="Q372" s="36"/>
      <c r="R372" s="37" t="s">
        <v>1532</v>
      </c>
    </row>
    <row r="373" spans="1:18" s="15" customFormat="1" ht="28.8" x14ac:dyDescent="0.45">
      <c r="A373" s="29" t="s">
        <v>523</v>
      </c>
      <c r="B373" s="29" t="s">
        <v>855</v>
      </c>
      <c r="C373" s="30" t="s">
        <v>426</v>
      </c>
      <c r="D373" s="31"/>
      <c r="E373" s="32" t="s">
        <v>279</v>
      </c>
      <c r="F373" s="32"/>
      <c r="G373" s="33"/>
      <c r="H373" s="31">
        <v>120</v>
      </c>
      <c r="I373" s="32" t="s">
        <v>623</v>
      </c>
      <c r="J373" s="34">
        <v>680</v>
      </c>
      <c r="K373" s="35">
        <v>4</v>
      </c>
      <c r="L373" s="32">
        <v>135</v>
      </c>
      <c r="M373" s="32">
        <v>235</v>
      </c>
      <c r="N373" s="32">
        <v>42</v>
      </c>
      <c r="O373" s="32">
        <v>625</v>
      </c>
      <c r="P373" s="32"/>
      <c r="Q373" s="41"/>
      <c r="R373" s="37" t="s">
        <v>856</v>
      </c>
    </row>
    <row r="374" spans="1:18" s="25" customFormat="1" ht="38.4" x14ac:dyDescent="0.45">
      <c r="A374" s="29" t="s">
        <v>504</v>
      </c>
      <c r="B374" s="29" t="s">
        <v>303</v>
      </c>
      <c r="C374" s="30" t="s">
        <v>1302</v>
      </c>
      <c r="D374" s="31"/>
      <c r="E374" s="32" t="s">
        <v>279</v>
      </c>
      <c r="F374" s="32"/>
      <c r="G374" s="33"/>
      <c r="H374" s="31">
        <v>120</v>
      </c>
      <c r="I374" s="32" t="s">
        <v>454</v>
      </c>
      <c r="J374" s="34" t="s">
        <v>1031</v>
      </c>
      <c r="K374" s="35">
        <v>4</v>
      </c>
      <c r="L374" s="32">
        <v>135</v>
      </c>
      <c r="M374" s="32">
        <v>235</v>
      </c>
      <c r="N374" s="32">
        <v>42</v>
      </c>
      <c r="O374" s="32">
        <v>625</v>
      </c>
      <c r="P374" s="32">
        <v>400</v>
      </c>
      <c r="Q374" s="36" t="s">
        <v>423</v>
      </c>
      <c r="R374" s="37" t="s">
        <v>1683</v>
      </c>
    </row>
    <row r="375" spans="1:18" s="15" customFormat="1" ht="14.25" customHeight="1" x14ac:dyDescent="0.45">
      <c r="A375" s="29" t="s">
        <v>1273</v>
      </c>
      <c r="B375" s="29" t="s">
        <v>1347</v>
      </c>
      <c r="C375" s="30" t="s">
        <v>310</v>
      </c>
      <c r="D375" s="31"/>
      <c r="E375" s="32" t="s">
        <v>279</v>
      </c>
      <c r="F375" s="32"/>
      <c r="G375" s="33"/>
      <c r="H375" s="31">
        <v>120</v>
      </c>
      <c r="I375" s="32" t="s">
        <v>341</v>
      </c>
      <c r="J375" s="34">
        <v>680</v>
      </c>
      <c r="K375" s="35">
        <v>4</v>
      </c>
      <c r="L375" s="32">
        <v>135</v>
      </c>
      <c r="M375" s="32">
        <v>235</v>
      </c>
      <c r="N375" s="32">
        <v>42</v>
      </c>
      <c r="O375" s="32">
        <v>625</v>
      </c>
      <c r="P375" s="32"/>
      <c r="Q375" s="36"/>
      <c r="R375" s="37" t="s">
        <v>903</v>
      </c>
    </row>
    <row r="376" spans="1:18" s="15" customFormat="1" ht="14.25" customHeight="1" x14ac:dyDescent="0.45">
      <c r="A376" s="29" t="s">
        <v>210</v>
      </c>
      <c r="B376" s="29" t="s">
        <v>303</v>
      </c>
      <c r="C376" s="30" t="s">
        <v>1348</v>
      </c>
      <c r="D376" s="31"/>
      <c r="E376" s="32" t="s">
        <v>279</v>
      </c>
      <c r="F376" s="32"/>
      <c r="G376" s="33"/>
      <c r="H376" s="31"/>
      <c r="I376" s="32" t="s">
        <v>768</v>
      </c>
      <c r="J376" s="34">
        <v>480</v>
      </c>
      <c r="K376" s="35"/>
      <c r="L376" s="32"/>
      <c r="M376" s="32"/>
      <c r="N376" s="32"/>
      <c r="O376" s="32"/>
      <c r="P376" s="32">
        <v>350</v>
      </c>
      <c r="Q376" s="36"/>
      <c r="R376" s="37" t="s">
        <v>1349</v>
      </c>
    </row>
    <row r="377" spans="1:18" s="18" customFormat="1" ht="51" customHeight="1" x14ac:dyDescent="0.45">
      <c r="A377" s="29" t="s">
        <v>219</v>
      </c>
      <c r="B377" s="29" t="s">
        <v>703</v>
      </c>
      <c r="C377" s="30" t="s">
        <v>1684</v>
      </c>
      <c r="D377" s="31" t="s">
        <v>284</v>
      </c>
      <c r="E377" s="32" t="s">
        <v>287</v>
      </c>
      <c r="F377" s="32"/>
      <c r="G377" s="33"/>
      <c r="H377" s="31">
        <v>140</v>
      </c>
      <c r="I377" s="32">
        <v>1950</v>
      </c>
      <c r="J377" s="34" t="s">
        <v>1013</v>
      </c>
      <c r="K377" s="35">
        <v>4</v>
      </c>
      <c r="L377" s="32">
        <v>225</v>
      </c>
      <c r="M377" s="32">
        <v>420</v>
      </c>
      <c r="N377" s="32">
        <v>42</v>
      </c>
      <c r="O377" s="32">
        <v>790</v>
      </c>
      <c r="P377" s="32"/>
      <c r="Q377" s="36"/>
      <c r="R377" s="37" t="s">
        <v>1488</v>
      </c>
    </row>
    <row r="378" spans="1:18" s="18" customFormat="1" ht="38.4" x14ac:dyDescent="0.45">
      <c r="A378" s="29" t="s">
        <v>377</v>
      </c>
      <c r="B378" s="29" t="s">
        <v>380</v>
      </c>
      <c r="C378" s="30" t="s">
        <v>1685</v>
      </c>
      <c r="D378" s="31" t="s">
        <v>600</v>
      </c>
      <c r="E378" s="32" t="s">
        <v>601</v>
      </c>
      <c r="F378" s="32"/>
      <c r="G378" s="33"/>
      <c r="H378" s="31">
        <v>140</v>
      </c>
      <c r="I378" s="32">
        <v>1950</v>
      </c>
      <c r="J378" s="34" t="s">
        <v>1013</v>
      </c>
      <c r="K378" s="35">
        <v>4</v>
      </c>
      <c r="L378" s="32">
        <v>225</v>
      </c>
      <c r="M378" s="32">
        <v>420</v>
      </c>
      <c r="N378" s="32">
        <v>42</v>
      </c>
      <c r="O378" s="32">
        <v>790</v>
      </c>
      <c r="P378" s="32"/>
      <c r="Q378" s="36"/>
      <c r="R378" s="37" t="s">
        <v>1259</v>
      </c>
    </row>
    <row r="379" spans="1:18" s="18" customFormat="1" ht="28.8" x14ac:dyDescent="0.45">
      <c r="A379" s="29" t="s">
        <v>377</v>
      </c>
      <c r="B379" s="29" t="s">
        <v>378</v>
      </c>
      <c r="C379" s="30" t="s">
        <v>552</v>
      </c>
      <c r="D379" s="31"/>
      <c r="E379" s="32" t="s">
        <v>279</v>
      </c>
      <c r="F379" s="32"/>
      <c r="G379" s="33"/>
      <c r="H379" s="31"/>
      <c r="I379" s="32">
        <v>2300</v>
      </c>
      <c r="J379" s="34"/>
      <c r="K379" s="35">
        <v>5.5</v>
      </c>
      <c r="L379" s="32"/>
      <c r="M379" s="32"/>
      <c r="N379" s="32">
        <v>72</v>
      </c>
      <c r="O379" s="32"/>
      <c r="P379" s="32"/>
      <c r="Q379" s="36"/>
      <c r="R379" s="37" t="s">
        <v>1398</v>
      </c>
    </row>
    <row r="380" spans="1:18" s="15" customFormat="1" ht="31.5" customHeight="1" x14ac:dyDescent="0.45">
      <c r="A380" s="29" t="s">
        <v>377</v>
      </c>
      <c r="B380" s="29" t="s">
        <v>379</v>
      </c>
      <c r="C380" s="30" t="s">
        <v>643</v>
      </c>
      <c r="D380" s="31" t="s">
        <v>284</v>
      </c>
      <c r="E380" s="32"/>
      <c r="F380" s="32"/>
      <c r="G380" s="33"/>
      <c r="H380" s="31">
        <v>140</v>
      </c>
      <c r="I380" s="32">
        <v>1950</v>
      </c>
      <c r="J380" s="34" t="s">
        <v>1013</v>
      </c>
      <c r="K380" s="35">
        <v>4</v>
      </c>
      <c r="L380" s="32">
        <v>225</v>
      </c>
      <c r="M380" s="32">
        <v>420</v>
      </c>
      <c r="N380" s="32">
        <v>42</v>
      </c>
      <c r="O380" s="32">
        <v>790</v>
      </c>
      <c r="P380" s="32"/>
      <c r="Q380" s="36"/>
      <c r="R380" s="37" t="s">
        <v>909</v>
      </c>
    </row>
    <row r="381" spans="1:18" s="18" customFormat="1" ht="31.5" customHeight="1" x14ac:dyDescent="0.45">
      <c r="A381" s="29" t="s">
        <v>220</v>
      </c>
      <c r="B381" s="29" t="s">
        <v>1162</v>
      </c>
      <c r="C381" s="30" t="s">
        <v>400</v>
      </c>
      <c r="D381" s="31"/>
      <c r="E381" s="32" t="s">
        <v>1082</v>
      </c>
      <c r="F381" s="32"/>
      <c r="G381" s="33"/>
      <c r="H381" s="31">
        <v>160</v>
      </c>
      <c r="I381" s="32">
        <v>2300</v>
      </c>
      <c r="J381" s="34" t="s">
        <v>1083</v>
      </c>
      <c r="K381" s="35">
        <v>5.5</v>
      </c>
      <c r="L381" s="32">
        <v>309</v>
      </c>
      <c r="M381" s="32">
        <v>600</v>
      </c>
      <c r="N381" s="32">
        <v>72</v>
      </c>
      <c r="O381" s="32">
        <v>1560</v>
      </c>
      <c r="P381" s="32"/>
      <c r="Q381" s="36"/>
      <c r="R381" s="37" t="s">
        <v>1495</v>
      </c>
    </row>
    <row r="382" spans="1:18" s="15" customFormat="1" ht="31.5" customHeight="1" x14ac:dyDescent="0.45">
      <c r="A382" s="29" t="s">
        <v>229</v>
      </c>
      <c r="B382" s="29" t="s">
        <v>409</v>
      </c>
      <c r="C382" s="30" t="s">
        <v>670</v>
      </c>
      <c r="D382" s="31"/>
      <c r="E382" s="32" t="s">
        <v>287</v>
      </c>
      <c r="F382" s="32"/>
      <c r="G382" s="33"/>
      <c r="H382" s="31"/>
      <c r="I382" s="32" t="s">
        <v>410</v>
      </c>
      <c r="J382" s="34" t="s">
        <v>1133</v>
      </c>
      <c r="K382" s="35"/>
      <c r="L382" s="32"/>
      <c r="M382" s="32"/>
      <c r="N382" s="32"/>
      <c r="O382" s="32"/>
      <c r="P382" s="32"/>
      <c r="Q382" s="36"/>
      <c r="R382" s="37" t="s">
        <v>1260</v>
      </c>
    </row>
    <row r="383" spans="1:18" s="15" customFormat="1" ht="21" customHeight="1" x14ac:dyDescent="0.45">
      <c r="A383" s="29" t="s">
        <v>221</v>
      </c>
      <c r="B383" s="29" t="s">
        <v>409</v>
      </c>
      <c r="C383" s="38" t="s">
        <v>829</v>
      </c>
      <c r="D383" s="31"/>
      <c r="E383" s="32" t="s">
        <v>279</v>
      </c>
      <c r="F383" s="32"/>
      <c r="G383" s="33"/>
      <c r="H383" s="31">
        <v>150</v>
      </c>
      <c r="I383" s="32" t="s">
        <v>411</v>
      </c>
      <c r="J383" s="34">
        <v>1100</v>
      </c>
      <c r="K383" s="35">
        <v>4</v>
      </c>
      <c r="L383" s="32"/>
      <c r="M383" s="32"/>
      <c r="N383" s="32">
        <v>45</v>
      </c>
      <c r="O383" s="32"/>
      <c r="P383" s="32">
        <v>450</v>
      </c>
      <c r="Q383" s="41" t="s">
        <v>423</v>
      </c>
      <c r="R383" s="37" t="s">
        <v>671</v>
      </c>
    </row>
    <row r="384" spans="1:18" s="18" customFormat="1" ht="52.5" customHeight="1" x14ac:dyDescent="0.45">
      <c r="A384" s="29" t="s">
        <v>222</v>
      </c>
      <c r="B384" s="29" t="s">
        <v>1686</v>
      </c>
      <c r="C384" s="30" t="s">
        <v>302</v>
      </c>
      <c r="D384" s="31"/>
      <c r="E384" s="32" t="s">
        <v>279</v>
      </c>
      <c r="F384" s="32"/>
      <c r="G384" s="33"/>
      <c r="H384" s="39" t="s">
        <v>841</v>
      </c>
      <c r="I384" s="32">
        <v>1980</v>
      </c>
      <c r="J384" s="34">
        <v>930</v>
      </c>
      <c r="K384" s="35">
        <v>4</v>
      </c>
      <c r="L384" s="32">
        <v>225</v>
      </c>
      <c r="M384" s="32"/>
      <c r="N384" s="32">
        <v>42</v>
      </c>
      <c r="O384" s="32">
        <v>790</v>
      </c>
      <c r="P384" s="32"/>
      <c r="Q384" s="36"/>
      <c r="R384" s="37" t="s">
        <v>1687</v>
      </c>
    </row>
    <row r="385" spans="1:18" s="15" customFormat="1" ht="31.5" customHeight="1" x14ac:dyDescent="0.45">
      <c r="A385" s="29" t="s">
        <v>506</v>
      </c>
      <c r="B385" s="29" t="s">
        <v>468</v>
      </c>
      <c r="C385" s="30" t="s">
        <v>574</v>
      </c>
      <c r="D385" s="31"/>
      <c r="E385" s="32" t="s">
        <v>279</v>
      </c>
      <c r="F385" s="32"/>
      <c r="G385" s="33"/>
      <c r="H385" s="31"/>
      <c r="I385" s="32" t="s">
        <v>483</v>
      </c>
      <c r="J385" s="34">
        <v>960</v>
      </c>
      <c r="K385" s="35">
        <v>4</v>
      </c>
      <c r="L385" s="32">
        <v>225</v>
      </c>
      <c r="M385" s="32"/>
      <c r="N385" s="32">
        <v>42</v>
      </c>
      <c r="O385" s="32">
        <v>1150</v>
      </c>
      <c r="P385" s="32"/>
      <c r="Q385" s="36"/>
      <c r="R385" s="37" t="s">
        <v>1477</v>
      </c>
    </row>
    <row r="386" spans="1:18" s="18" customFormat="1" ht="57.6" x14ac:dyDescent="0.45">
      <c r="A386" s="29" t="s">
        <v>223</v>
      </c>
      <c r="B386" s="29" t="s">
        <v>418</v>
      </c>
      <c r="C386" s="30" t="s">
        <v>304</v>
      </c>
      <c r="D386" s="31"/>
      <c r="E386" s="32" t="s">
        <v>279</v>
      </c>
      <c r="F386" s="32"/>
      <c r="G386" s="33"/>
      <c r="H386" s="39" t="s">
        <v>841</v>
      </c>
      <c r="I386" s="32" t="s">
        <v>301</v>
      </c>
      <c r="J386" s="34">
        <v>930</v>
      </c>
      <c r="K386" s="35">
        <v>4</v>
      </c>
      <c r="L386" s="32">
        <v>225</v>
      </c>
      <c r="M386" s="32">
        <v>420</v>
      </c>
      <c r="N386" s="32">
        <v>42</v>
      </c>
      <c r="O386" s="32">
        <v>1150</v>
      </c>
      <c r="P386" s="32">
        <v>550</v>
      </c>
      <c r="Q386" s="36" t="s">
        <v>311</v>
      </c>
      <c r="R386" s="37" t="s">
        <v>1478</v>
      </c>
    </row>
    <row r="387" spans="1:18" s="18" customFormat="1" ht="19.2" x14ac:dyDescent="0.45">
      <c r="A387" s="29" t="s">
        <v>230</v>
      </c>
      <c r="B387" s="29" t="s">
        <v>350</v>
      </c>
      <c r="C387" s="30" t="s">
        <v>1369</v>
      </c>
      <c r="D387" s="31"/>
      <c r="E387" s="32" t="s">
        <v>279</v>
      </c>
      <c r="F387" s="32"/>
      <c r="G387" s="33"/>
      <c r="H387" s="31" t="s">
        <v>1502</v>
      </c>
      <c r="I387" s="32" t="s">
        <v>1502</v>
      </c>
      <c r="J387" s="32" t="s">
        <v>1502</v>
      </c>
      <c r="K387" s="32" t="s">
        <v>1502</v>
      </c>
      <c r="L387" s="32" t="s">
        <v>1502</v>
      </c>
      <c r="M387" s="32" t="s">
        <v>1502</v>
      </c>
      <c r="N387" s="32" t="s">
        <v>1502</v>
      </c>
      <c r="O387" s="58" t="s">
        <v>1502</v>
      </c>
      <c r="P387" s="32"/>
      <c r="Q387" s="36"/>
      <c r="R387" s="37" t="s">
        <v>1479</v>
      </c>
    </row>
    <row r="388" spans="1:18" s="15" customFormat="1" ht="31.5" customHeight="1" x14ac:dyDescent="0.45">
      <c r="A388" s="29" t="s">
        <v>225</v>
      </c>
      <c r="B388" s="29" t="s">
        <v>309</v>
      </c>
      <c r="C388" s="30" t="s">
        <v>1688</v>
      </c>
      <c r="D388" s="31"/>
      <c r="E388" s="32" t="s">
        <v>279</v>
      </c>
      <c r="F388" s="32"/>
      <c r="G388" s="33"/>
      <c r="H388" s="31">
        <v>120</v>
      </c>
      <c r="I388" s="32" t="s">
        <v>341</v>
      </c>
      <c r="J388" s="34">
        <v>680</v>
      </c>
      <c r="K388" s="35">
        <v>4</v>
      </c>
      <c r="L388" s="32">
        <v>135</v>
      </c>
      <c r="M388" s="32"/>
      <c r="N388" s="32">
        <v>42</v>
      </c>
      <c r="O388" s="32">
        <v>625</v>
      </c>
      <c r="P388" s="32"/>
      <c r="Q388" s="36" t="s">
        <v>311</v>
      </c>
      <c r="R388" s="37" t="s">
        <v>1689</v>
      </c>
    </row>
    <row r="389" spans="1:18" s="15" customFormat="1" ht="21" customHeight="1" x14ac:dyDescent="0.45">
      <c r="A389" s="29" t="s">
        <v>226</v>
      </c>
      <c r="B389" s="29" t="s">
        <v>409</v>
      </c>
      <c r="C389" s="30" t="s">
        <v>412</v>
      </c>
      <c r="D389" s="31"/>
      <c r="E389" s="32" t="s">
        <v>279</v>
      </c>
      <c r="F389" s="32"/>
      <c r="G389" s="33"/>
      <c r="H389" s="31">
        <v>120</v>
      </c>
      <c r="I389" s="32" t="s">
        <v>341</v>
      </c>
      <c r="J389" s="34">
        <v>680</v>
      </c>
      <c r="K389" s="35">
        <v>4</v>
      </c>
      <c r="L389" s="32">
        <v>135</v>
      </c>
      <c r="M389" s="32">
        <v>235</v>
      </c>
      <c r="N389" s="32">
        <v>42</v>
      </c>
      <c r="O389" s="32"/>
      <c r="P389" s="32"/>
      <c r="Q389" s="36" t="s">
        <v>311</v>
      </c>
      <c r="R389" s="37" t="s">
        <v>1261</v>
      </c>
    </row>
    <row r="390" spans="1:18" s="15" customFormat="1" ht="21" customHeight="1" x14ac:dyDescent="0.45">
      <c r="A390" s="29" t="s">
        <v>227</v>
      </c>
      <c r="B390" s="29" t="s">
        <v>318</v>
      </c>
      <c r="C390" s="30" t="s">
        <v>302</v>
      </c>
      <c r="D390" s="31"/>
      <c r="E390" s="32" t="s">
        <v>279</v>
      </c>
      <c r="F390" s="32"/>
      <c r="G390" s="33"/>
      <c r="H390" s="31" t="s">
        <v>370</v>
      </c>
      <c r="I390" s="32" t="s">
        <v>371</v>
      </c>
      <c r="J390" s="34">
        <v>680</v>
      </c>
      <c r="K390" s="35">
        <v>4</v>
      </c>
      <c r="L390" s="32">
        <v>135</v>
      </c>
      <c r="M390" s="32">
        <v>235</v>
      </c>
      <c r="N390" s="32">
        <v>42</v>
      </c>
      <c r="O390" s="32">
        <v>385</v>
      </c>
      <c r="P390" s="32"/>
      <c r="Q390" s="41" t="s">
        <v>423</v>
      </c>
      <c r="R390" s="37" t="s">
        <v>693</v>
      </c>
    </row>
    <row r="391" spans="1:18" s="15" customFormat="1" ht="57.6" x14ac:dyDescent="0.45">
      <c r="A391" s="29" t="s">
        <v>507</v>
      </c>
      <c r="B391" s="29" t="s">
        <v>479</v>
      </c>
      <c r="C391" s="30" t="s">
        <v>672</v>
      </c>
      <c r="D391" s="31"/>
      <c r="E391" s="32" t="s">
        <v>279</v>
      </c>
      <c r="F391" s="32"/>
      <c r="G391" s="33"/>
      <c r="H391" s="39" t="s">
        <v>841</v>
      </c>
      <c r="I391" s="32">
        <v>1980</v>
      </c>
      <c r="J391" s="34">
        <v>930</v>
      </c>
      <c r="K391" s="35">
        <v>4</v>
      </c>
      <c r="L391" s="32">
        <v>225</v>
      </c>
      <c r="M391" s="32">
        <v>420</v>
      </c>
      <c r="N391" s="32">
        <v>42</v>
      </c>
      <c r="O391" s="32">
        <v>1150</v>
      </c>
      <c r="P391" s="32">
        <v>410</v>
      </c>
      <c r="Q391" s="36" t="s">
        <v>311</v>
      </c>
      <c r="R391" s="37" t="s">
        <v>1690</v>
      </c>
    </row>
    <row r="392" spans="1:18" s="15" customFormat="1" ht="14.25" customHeight="1" x14ac:dyDescent="0.45">
      <c r="A392" s="29" t="s">
        <v>232</v>
      </c>
      <c r="B392" s="29" t="s">
        <v>870</v>
      </c>
      <c r="C392" s="30" t="s">
        <v>310</v>
      </c>
      <c r="D392" s="31"/>
      <c r="E392" s="32"/>
      <c r="F392" s="32"/>
      <c r="G392" s="33" t="s">
        <v>871</v>
      </c>
      <c r="H392" s="31"/>
      <c r="I392" s="32"/>
      <c r="J392" s="34"/>
      <c r="K392" s="35"/>
      <c r="L392" s="32"/>
      <c r="M392" s="32"/>
      <c r="N392" s="32"/>
      <c r="O392" s="32"/>
      <c r="P392" s="32"/>
      <c r="Q392" s="36"/>
      <c r="R392" s="37" t="s">
        <v>872</v>
      </c>
    </row>
    <row r="393" spans="1:18" s="15" customFormat="1" ht="19.2" x14ac:dyDescent="0.45">
      <c r="A393" s="29" t="s">
        <v>508</v>
      </c>
      <c r="B393" s="29" t="s">
        <v>479</v>
      </c>
      <c r="C393" s="30" t="s">
        <v>1691</v>
      </c>
      <c r="D393" s="31"/>
      <c r="E393" s="32" t="s">
        <v>279</v>
      </c>
      <c r="F393" s="32"/>
      <c r="G393" s="33"/>
      <c r="H393" s="31">
        <v>140</v>
      </c>
      <c r="I393" s="32" t="s">
        <v>293</v>
      </c>
      <c r="J393" s="34">
        <v>930</v>
      </c>
      <c r="K393" s="35">
        <v>4</v>
      </c>
      <c r="L393" s="32">
        <v>225</v>
      </c>
      <c r="M393" s="32">
        <v>420</v>
      </c>
      <c r="N393" s="32">
        <v>42</v>
      </c>
      <c r="O393" s="32"/>
      <c r="P393" s="32"/>
      <c r="Q393" s="36"/>
      <c r="R393" s="37" t="s">
        <v>704</v>
      </c>
    </row>
    <row r="394" spans="1:18" s="18" customFormat="1" ht="28.8" x14ac:dyDescent="0.45">
      <c r="A394" s="29" t="s">
        <v>509</v>
      </c>
      <c r="B394" s="29" t="s">
        <v>544</v>
      </c>
      <c r="C394" s="30" t="s">
        <v>812</v>
      </c>
      <c r="D394" s="31"/>
      <c r="E394" s="32" t="s">
        <v>279</v>
      </c>
      <c r="F394" s="32"/>
      <c r="G394" s="33"/>
      <c r="H394" s="31"/>
      <c r="I394" s="32" t="s">
        <v>505</v>
      </c>
      <c r="J394" s="34">
        <v>680</v>
      </c>
      <c r="K394" s="35">
        <v>4</v>
      </c>
      <c r="L394" s="32">
        <v>135</v>
      </c>
      <c r="M394" s="32"/>
      <c r="N394" s="32">
        <v>42</v>
      </c>
      <c r="O394" s="32">
        <v>625</v>
      </c>
      <c r="P394" s="32"/>
      <c r="Q394" s="36"/>
      <c r="R394" s="37" t="s">
        <v>936</v>
      </c>
    </row>
    <row r="395" spans="1:18" s="15" customFormat="1" ht="31.5" customHeight="1" x14ac:dyDescent="0.45">
      <c r="A395" s="29" t="s">
        <v>239</v>
      </c>
      <c r="B395" s="29" t="s">
        <v>409</v>
      </c>
      <c r="C395" s="30" t="s">
        <v>1460</v>
      </c>
      <c r="D395" s="31"/>
      <c r="E395" s="32" t="s">
        <v>279</v>
      </c>
      <c r="F395" s="32"/>
      <c r="G395" s="33"/>
      <c r="H395" s="31">
        <v>120</v>
      </c>
      <c r="I395" s="32" t="s">
        <v>530</v>
      </c>
      <c r="J395" s="32">
        <v>680</v>
      </c>
      <c r="K395" s="35">
        <v>4</v>
      </c>
      <c r="L395" s="32">
        <v>135</v>
      </c>
      <c r="M395" s="32">
        <v>235</v>
      </c>
      <c r="N395" s="32">
        <v>42</v>
      </c>
      <c r="O395" s="32">
        <v>625</v>
      </c>
      <c r="P395" s="32"/>
      <c r="Q395" s="36"/>
      <c r="R395" s="37" t="s">
        <v>642</v>
      </c>
    </row>
    <row r="396" spans="1:18" s="15" customFormat="1" ht="42" customHeight="1" x14ac:dyDescent="0.45">
      <c r="A396" s="29" t="s">
        <v>233</v>
      </c>
      <c r="B396" s="29" t="s">
        <v>424</v>
      </c>
      <c r="C396" s="30" t="s">
        <v>899</v>
      </c>
      <c r="D396" s="31" t="s">
        <v>420</v>
      </c>
      <c r="E396" s="32"/>
      <c r="F396" s="32"/>
      <c r="G396" s="33"/>
      <c r="H396" s="39" t="s">
        <v>590</v>
      </c>
      <c r="I396" s="32">
        <v>1950</v>
      </c>
      <c r="J396" s="34" t="s">
        <v>1064</v>
      </c>
      <c r="K396" s="35">
        <v>4</v>
      </c>
      <c r="L396" s="32">
        <v>225</v>
      </c>
      <c r="M396" s="32">
        <v>420</v>
      </c>
      <c r="N396" s="32">
        <v>42</v>
      </c>
      <c r="O396" s="32">
        <v>1150</v>
      </c>
      <c r="P396" s="32"/>
      <c r="Q396" s="36"/>
      <c r="R396" s="37" t="s">
        <v>1461</v>
      </c>
    </row>
    <row r="397" spans="1:18" s="15" customFormat="1" ht="19.2" x14ac:dyDescent="0.45">
      <c r="A397" s="29" t="s">
        <v>510</v>
      </c>
      <c r="B397" s="29" t="s">
        <v>1692</v>
      </c>
      <c r="C397" s="30" t="s">
        <v>1451</v>
      </c>
      <c r="D397" s="31" t="s">
        <v>284</v>
      </c>
      <c r="E397" s="32" t="s">
        <v>287</v>
      </c>
      <c r="F397" s="32"/>
      <c r="G397" s="33"/>
      <c r="H397" s="39">
        <v>120</v>
      </c>
      <c r="I397" s="34">
        <v>1660</v>
      </c>
      <c r="J397" s="34">
        <v>620</v>
      </c>
      <c r="K397" s="35">
        <v>3</v>
      </c>
      <c r="L397" s="32">
        <v>155</v>
      </c>
      <c r="M397" s="32">
        <v>220</v>
      </c>
      <c r="N397" s="32">
        <v>25</v>
      </c>
      <c r="O397" s="32"/>
      <c r="P397" s="32"/>
      <c r="Q397" s="36"/>
      <c r="R397" s="37" t="s">
        <v>1452</v>
      </c>
    </row>
    <row r="398" spans="1:18" s="18" customFormat="1" ht="31.5" customHeight="1" x14ac:dyDescent="0.45">
      <c r="A398" s="29" t="s">
        <v>510</v>
      </c>
      <c r="B398" s="29" t="s">
        <v>1525</v>
      </c>
      <c r="C398" s="30" t="s">
        <v>1449</v>
      </c>
      <c r="D398" s="31" t="s">
        <v>284</v>
      </c>
      <c r="E398" s="32" t="s">
        <v>287</v>
      </c>
      <c r="F398" s="32"/>
      <c r="G398" s="33"/>
      <c r="H398" s="39">
        <v>120</v>
      </c>
      <c r="I398" s="34">
        <v>1660</v>
      </c>
      <c r="J398" s="34">
        <v>620</v>
      </c>
      <c r="K398" s="35">
        <v>3</v>
      </c>
      <c r="L398" s="32">
        <v>155</v>
      </c>
      <c r="M398" s="32">
        <v>220</v>
      </c>
      <c r="N398" s="32">
        <v>25</v>
      </c>
      <c r="O398" s="32"/>
      <c r="P398" s="32"/>
      <c r="Q398" s="36"/>
      <c r="R398" s="37" t="s">
        <v>1450</v>
      </c>
    </row>
    <row r="399" spans="1:18" s="18" customFormat="1" ht="24.75" customHeight="1" x14ac:dyDescent="0.45">
      <c r="A399" s="29" t="s">
        <v>510</v>
      </c>
      <c r="B399" s="29" t="s">
        <v>1526</v>
      </c>
      <c r="C399" s="30" t="s">
        <v>1449</v>
      </c>
      <c r="D399" s="31" t="s">
        <v>284</v>
      </c>
      <c r="E399" s="32"/>
      <c r="F399" s="32"/>
      <c r="G399" s="33"/>
      <c r="H399" s="39">
        <v>120</v>
      </c>
      <c r="I399" s="34">
        <v>1660</v>
      </c>
      <c r="J399" s="34">
        <v>620</v>
      </c>
      <c r="K399" s="35">
        <v>3</v>
      </c>
      <c r="L399" s="32">
        <v>155</v>
      </c>
      <c r="M399" s="32">
        <v>220</v>
      </c>
      <c r="N399" s="32">
        <v>25</v>
      </c>
      <c r="O399" s="32"/>
      <c r="P399" s="32"/>
      <c r="Q399" s="36"/>
      <c r="R399" s="37"/>
    </row>
    <row r="400" spans="1:18" s="15" customFormat="1" ht="21" customHeight="1" x14ac:dyDescent="0.45">
      <c r="A400" s="29" t="s">
        <v>234</v>
      </c>
      <c r="B400" s="29" t="s">
        <v>309</v>
      </c>
      <c r="C400" s="30" t="s">
        <v>632</v>
      </c>
      <c r="D400" s="31"/>
      <c r="E400" s="32" t="s">
        <v>279</v>
      </c>
      <c r="F400" s="32"/>
      <c r="G400" s="33"/>
      <c r="H400" s="31"/>
      <c r="I400" s="32" t="s">
        <v>427</v>
      </c>
      <c r="J400" s="34">
        <v>900</v>
      </c>
      <c r="K400" s="35"/>
      <c r="L400" s="32"/>
      <c r="M400" s="32"/>
      <c r="N400" s="32"/>
      <c r="O400" s="32"/>
      <c r="P400" s="32"/>
      <c r="Q400" s="36"/>
      <c r="R400" s="37" t="s">
        <v>854</v>
      </c>
    </row>
    <row r="401" spans="1:18" s="15" customFormat="1" ht="19.2" x14ac:dyDescent="0.45">
      <c r="A401" s="29" t="s">
        <v>790</v>
      </c>
      <c r="B401" s="29" t="s">
        <v>303</v>
      </c>
      <c r="C401" s="30" t="s">
        <v>1386</v>
      </c>
      <c r="D401" s="31" t="s">
        <v>284</v>
      </c>
      <c r="E401" s="32" t="s">
        <v>287</v>
      </c>
      <c r="F401" s="32"/>
      <c r="G401" s="33"/>
      <c r="H401" s="31"/>
      <c r="I401" s="32" t="s">
        <v>341</v>
      </c>
      <c r="J401" s="32">
        <v>680</v>
      </c>
      <c r="K401" s="56"/>
      <c r="L401" s="32"/>
      <c r="M401" s="32"/>
      <c r="N401" s="32"/>
      <c r="O401" s="32">
        <v>625</v>
      </c>
      <c r="P401" s="32"/>
      <c r="Q401" s="36"/>
      <c r="R401" s="37" t="s">
        <v>1387</v>
      </c>
    </row>
    <row r="402" spans="1:18" s="15" customFormat="1" ht="32.4" customHeight="1" x14ac:dyDescent="0.45">
      <c r="A402" s="29" t="s">
        <v>1272</v>
      </c>
      <c r="B402" s="29" t="s">
        <v>303</v>
      </c>
      <c r="C402" s="30" t="s">
        <v>1146</v>
      </c>
      <c r="D402" s="31"/>
      <c r="E402" s="32" t="s">
        <v>279</v>
      </c>
      <c r="F402" s="32"/>
      <c r="G402" s="33"/>
      <c r="H402" s="31" t="s">
        <v>576</v>
      </c>
      <c r="I402" s="32" t="s">
        <v>576</v>
      </c>
      <c r="J402" s="32" t="s">
        <v>576</v>
      </c>
      <c r="K402" s="32" t="s">
        <v>576</v>
      </c>
      <c r="L402" s="32" t="s">
        <v>576</v>
      </c>
      <c r="M402" s="32" t="s">
        <v>576</v>
      </c>
      <c r="N402" s="32" t="s">
        <v>576</v>
      </c>
      <c r="O402" s="32" t="s">
        <v>576</v>
      </c>
      <c r="P402" s="32"/>
      <c r="Q402" s="36" t="s">
        <v>311</v>
      </c>
      <c r="R402" s="37" t="s">
        <v>1147</v>
      </c>
    </row>
    <row r="403" spans="1:18" s="18" customFormat="1" ht="21" customHeight="1" x14ac:dyDescent="0.45">
      <c r="A403" s="29" t="s">
        <v>511</v>
      </c>
      <c r="B403" s="29" t="s">
        <v>1141</v>
      </c>
      <c r="C403" s="30" t="s">
        <v>574</v>
      </c>
      <c r="D403" s="31"/>
      <c r="E403" s="32" t="s">
        <v>279</v>
      </c>
      <c r="F403" s="32"/>
      <c r="G403" s="33"/>
      <c r="H403" s="31"/>
      <c r="I403" s="32" t="s">
        <v>630</v>
      </c>
      <c r="J403" s="34">
        <v>900</v>
      </c>
      <c r="K403" s="35">
        <v>4.5</v>
      </c>
      <c r="L403" s="32"/>
      <c r="M403" s="32"/>
      <c r="N403" s="32">
        <v>38</v>
      </c>
      <c r="O403" s="32"/>
      <c r="P403" s="32">
        <v>440</v>
      </c>
      <c r="Q403" s="36"/>
      <c r="R403" s="37" t="s">
        <v>1122</v>
      </c>
    </row>
    <row r="404" spans="1:18" s="18" customFormat="1" ht="21" customHeight="1" x14ac:dyDescent="0.45">
      <c r="A404" s="29" t="s">
        <v>511</v>
      </c>
      <c r="B404" s="29" t="s">
        <v>419</v>
      </c>
      <c r="C404" s="30" t="s">
        <v>574</v>
      </c>
      <c r="D404" s="31"/>
      <c r="E404" s="32" t="s">
        <v>279</v>
      </c>
      <c r="F404" s="32"/>
      <c r="G404" s="33"/>
      <c r="H404" s="31"/>
      <c r="I404" s="32" t="s">
        <v>470</v>
      </c>
      <c r="J404" s="34">
        <v>900</v>
      </c>
      <c r="K404" s="35">
        <v>4.5</v>
      </c>
      <c r="L404" s="32"/>
      <c r="M404" s="32"/>
      <c r="N404" s="32">
        <v>38</v>
      </c>
      <c r="O404" s="32"/>
      <c r="P404" s="32">
        <v>440</v>
      </c>
      <c r="Q404" s="36"/>
      <c r="R404" s="37" t="s">
        <v>1122</v>
      </c>
    </row>
    <row r="405" spans="1:18" s="15" customFormat="1" ht="21" customHeight="1" x14ac:dyDescent="0.45">
      <c r="A405" s="29" t="s">
        <v>235</v>
      </c>
      <c r="B405" s="29" t="s">
        <v>409</v>
      </c>
      <c r="C405" s="30" t="s">
        <v>925</v>
      </c>
      <c r="D405" s="31"/>
      <c r="E405" s="32" t="s">
        <v>279</v>
      </c>
      <c r="F405" s="32"/>
      <c r="G405" s="33"/>
      <c r="H405" s="31"/>
      <c r="I405" s="32" t="s">
        <v>410</v>
      </c>
      <c r="J405" s="34" t="s">
        <v>1149</v>
      </c>
      <c r="K405" s="35"/>
      <c r="L405" s="32"/>
      <c r="M405" s="32"/>
      <c r="N405" s="32"/>
      <c r="O405" s="32"/>
      <c r="P405" s="32"/>
      <c r="Q405" s="36"/>
      <c r="R405" s="37" t="s">
        <v>1462</v>
      </c>
    </row>
    <row r="406" spans="1:18" s="15" customFormat="1" ht="21" customHeight="1" x14ac:dyDescent="0.45">
      <c r="A406" s="29" t="s">
        <v>860</v>
      </c>
      <c r="B406" s="29" t="s">
        <v>479</v>
      </c>
      <c r="C406" s="30" t="s">
        <v>1124</v>
      </c>
      <c r="D406" s="31"/>
      <c r="E406" s="32" t="s">
        <v>279</v>
      </c>
      <c r="F406" s="32"/>
      <c r="G406" s="33"/>
      <c r="H406" s="31"/>
      <c r="I406" s="32">
        <v>1660</v>
      </c>
      <c r="J406" s="34">
        <v>660</v>
      </c>
      <c r="K406" s="35"/>
      <c r="L406" s="32"/>
      <c r="M406" s="32"/>
      <c r="N406" s="32">
        <v>30</v>
      </c>
      <c r="O406" s="32"/>
      <c r="P406" s="32"/>
      <c r="Q406" s="41"/>
      <c r="R406" s="37" t="s">
        <v>1148</v>
      </c>
    </row>
    <row r="407" spans="1:18" s="18" customFormat="1" ht="23.25" customHeight="1" x14ac:dyDescent="0.45">
      <c r="A407" s="29" t="s">
        <v>238</v>
      </c>
      <c r="B407" s="29" t="s">
        <v>452</v>
      </c>
      <c r="C407" s="30" t="s">
        <v>835</v>
      </c>
      <c r="D407" s="31"/>
      <c r="E407" s="32" t="s">
        <v>279</v>
      </c>
      <c r="F407" s="32"/>
      <c r="G407" s="33"/>
      <c r="H407" s="31"/>
      <c r="I407" s="32" t="s">
        <v>341</v>
      </c>
      <c r="J407" s="34">
        <v>690</v>
      </c>
      <c r="K407" s="35"/>
      <c r="L407" s="32"/>
      <c r="M407" s="32"/>
      <c r="N407" s="32"/>
      <c r="O407" s="32">
        <v>385</v>
      </c>
      <c r="P407" s="32"/>
      <c r="Q407" s="41" t="s">
        <v>423</v>
      </c>
      <c r="R407" s="37" t="s">
        <v>654</v>
      </c>
    </row>
    <row r="408" spans="1:18" s="15" customFormat="1" ht="21" customHeight="1" x14ac:dyDescent="0.45">
      <c r="A408" s="29" t="s">
        <v>236</v>
      </c>
      <c r="B408" s="29" t="s">
        <v>413</v>
      </c>
      <c r="C408" s="30" t="s">
        <v>414</v>
      </c>
      <c r="D408" s="31" t="s">
        <v>284</v>
      </c>
      <c r="E408" s="32" t="s">
        <v>415</v>
      </c>
      <c r="F408" s="32"/>
      <c r="G408" s="33"/>
      <c r="H408" s="31"/>
      <c r="I408" s="32" t="s">
        <v>411</v>
      </c>
      <c r="J408" s="34" t="s">
        <v>1007</v>
      </c>
      <c r="K408" s="35">
        <v>4</v>
      </c>
      <c r="L408" s="32">
        <v>225</v>
      </c>
      <c r="M408" s="32"/>
      <c r="N408" s="32"/>
      <c r="O408" s="32"/>
      <c r="P408" s="32"/>
      <c r="Q408" s="36"/>
      <c r="R408" s="37" t="s">
        <v>1473</v>
      </c>
    </row>
    <row r="409" spans="1:18" s="15" customFormat="1" ht="19.2" x14ac:dyDescent="0.45">
      <c r="A409" s="29" t="s">
        <v>237</v>
      </c>
      <c r="B409" s="29" t="s">
        <v>1365</v>
      </c>
      <c r="C409" s="30" t="s">
        <v>1366</v>
      </c>
      <c r="D409" s="31"/>
      <c r="E409" s="32" t="s">
        <v>287</v>
      </c>
      <c r="F409" s="32"/>
      <c r="G409" s="33"/>
      <c r="H409" s="31"/>
      <c r="I409" s="32">
        <v>1400</v>
      </c>
      <c r="J409" s="34">
        <v>260</v>
      </c>
      <c r="K409" s="35"/>
      <c r="L409" s="32"/>
      <c r="M409" s="32"/>
      <c r="N409" s="32"/>
      <c r="O409" s="32"/>
      <c r="P409" s="32"/>
      <c r="Q409" s="36"/>
      <c r="R409" s="37" t="s">
        <v>1475</v>
      </c>
    </row>
    <row r="410" spans="1:18" s="15" customFormat="1" ht="13.2" x14ac:dyDescent="0.45">
      <c r="A410" s="29" t="s">
        <v>240</v>
      </c>
      <c r="B410" s="29" t="s">
        <v>303</v>
      </c>
      <c r="C410" s="30" t="s">
        <v>326</v>
      </c>
      <c r="D410" s="31"/>
      <c r="E410" s="32" t="s">
        <v>279</v>
      </c>
      <c r="F410" s="32"/>
      <c r="G410" s="33"/>
      <c r="H410" s="31">
        <v>140</v>
      </c>
      <c r="I410" s="32" t="s">
        <v>301</v>
      </c>
      <c r="J410" s="32">
        <v>930</v>
      </c>
      <c r="K410" s="35">
        <v>4.5</v>
      </c>
      <c r="L410" s="32">
        <v>225</v>
      </c>
      <c r="M410" s="32"/>
      <c r="N410" s="32">
        <v>42</v>
      </c>
      <c r="O410" s="32">
        <v>1150</v>
      </c>
      <c r="P410" s="32"/>
      <c r="Q410" s="36" t="s">
        <v>423</v>
      </c>
      <c r="R410" s="37" t="s">
        <v>830</v>
      </c>
    </row>
    <row r="411" spans="1:18" s="18" customFormat="1" ht="19.2" x14ac:dyDescent="0.45">
      <c r="A411" s="29" t="s">
        <v>1029</v>
      </c>
      <c r="B411" s="29" t="s">
        <v>303</v>
      </c>
      <c r="C411" s="30" t="s">
        <v>1693</v>
      </c>
      <c r="D411" s="31"/>
      <c r="E411" s="32" t="s">
        <v>279</v>
      </c>
      <c r="F411" s="32"/>
      <c r="G411" s="33"/>
      <c r="H411" s="31">
        <v>142</v>
      </c>
      <c r="I411" s="32" t="s">
        <v>593</v>
      </c>
      <c r="J411" s="34">
        <v>890</v>
      </c>
      <c r="K411" s="35">
        <v>5</v>
      </c>
      <c r="L411" s="32">
        <v>226</v>
      </c>
      <c r="M411" s="32">
        <v>420</v>
      </c>
      <c r="N411" s="32">
        <v>45</v>
      </c>
      <c r="O411" s="32">
        <v>600</v>
      </c>
      <c r="P411" s="32"/>
      <c r="Q411" s="41" t="s">
        <v>423</v>
      </c>
      <c r="R411" s="37" t="s">
        <v>1028</v>
      </c>
    </row>
    <row r="412" spans="1:18" s="15" customFormat="1" ht="31.8" customHeight="1" x14ac:dyDescent="0.45">
      <c r="A412" s="29" t="s">
        <v>241</v>
      </c>
      <c r="B412" s="29" t="s">
        <v>459</v>
      </c>
      <c r="C412" s="30" t="s">
        <v>1073</v>
      </c>
      <c r="D412" s="31"/>
      <c r="E412" s="32" t="s">
        <v>279</v>
      </c>
      <c r="F412" s="32"/>
      <c r="G412" s="33"/>
      <c r="H412" s="31"/>
      <c r="I412" s="32" t="s">
        <v>460</v>
      </c>
      <c r="J412" s="34">
        <v>680</v>
      </c>
      <c r="K412" s="35"/>
      <c r="L412" s="32"/>
      <c r="M412" s="32"/>
      <c r="N412" s="32"/>
      <c r="O412" s="32"/>
      <c r="P412" s="32"/>
      <c r="Q412" s="36"/>
      <c r="R412" s="37" t="s">
        <v>1474</v>
      </c>
    </row>
    <row r="413" spans="1:18" s="15" customFormat="1" ht="21" customHeight="1" x14ac:dyDescent="0.45">
      <c r="A413" s="29" t="s">
        <v>242</v>
      </c>
      <c r="B413" s="29" t="s">
        <v>883</v>
      </c>
      <c r="C413" s="30" t="s">
        <v>884</v>
      </c>
      <c r="D413" s="31"/>
      <c r="E413" s="32" t="s">
        <v>279</v>
      </c>
      <c r="F413" s="32"/>
      <c r="G413" s="33"/>
      <c r="H413" s="31"/>
      <c r="I413" s="32" t="s">
        <v>885</v>
      </c>
      <c r="J413" s="34"/>
      <c r="K413" s="35">
        <v>3</v>
      </c>
      <c r="L413" s="32"/>
      <c r="M413" s="32"/>
      <c r="N413" s="32"/>
      <c r="O413" s="32"/>
      <c r="P413" s="32">
        <v>400</v>
      </c>
      <c r="Q413" s="36"/>
      <c r="R413" s="37" t="s">
        <v>1694</v>
      </c>
    </row>
    <row r="414" spans="1:18" s="15" customFormat="1" ht="13.5" customHeight="1" x14ac:dyDescent="0.45">
      <c r="A414" s="29" t="s">
        <v>512</v>
      </c>
      <c r="B414" s="29" t="s">
        <v>479</v>
      </c>
      <c r="C414" s="30" t="s">
        <v>886</v>
      </c>
      <c r="D414" s="31"/>
      <c r="E414" s="32" t="s">
        <v>279</v>
      </c>
      <c r="F414" s="32"/>
      <c r="G414" s="33"/>
      <c r="H414" s="31"/>
      <c r="I414" s="32" t="s">
        <v>423</v>
      </c>
      <c r="J414" s="32" t="s">
        <v>311</v>
      </c>
      <c r="K414" s="35"/>
      <c r="L414" s="32"/>
      <c r="M414" s="32"/>
      <c r="N414" s="32"/>
      <c r="O414" s="32"/>
      <c r="P414" s="32" t="s">
        <v>706</v>
      </c>
      <c r="Q414" s="36"/>
      <c r="R414" s="37" t="s">
        <v>542</v>
      </c>
    </row>
    <row r="415" spans="1:18" s="15" customFormat="1" ht="19.2" x14ac:dyDescent="0.45">
      <c r="A415" s="29" t="s">
        <v>247</v>
      </c>
      <c r="B415" s="29" t="s">
        <v>543</v>
      </c>
      <c r="C415" s="30" t="s">
        <v>1322</v>
      </c>
      <c r="D415" s="31"/>
      <c r="E415" s="32" t="s">
        <v>279</v>
      </c>
      <c r="F415" s="32"/>
      <c r="G415" s="33"/>
      <c r="H415" s="31">
        <v>140</v>
      </c>
      <c r="I415" s="32" t="s">
        <v>301</v>
      </c>
      <c r="J415" s="32">
        <v>960</v>
      </c>
      <c r="K415" s="35">
        <v>4</v>
      </c>
      <c r="L415" s="32"/>
      <c r="M415" s="32"/>
      <c r="N415" s="32">
        <v>42</v>
      </c>
      <c r="O415" s="32"/>
      <c r="P415" s="32">
        <v>600</v>
      </c>
      <c r="Q415" s="36"/>
      <c r="R415" s="37" t="s">
        <v>1695</v>
      </c>
    </row>
    <row r="416" spans="1:18" s="18" customFormat="1" ht="21" customHeight="1" x14ac:dyDescent="0.45">
      <c r="A416" s="29" t="s">
        <v>243</v>
      </c>
      <c r="B416" s="29" t="s">
        <v>1039</v>
      </c>
      <c r="C416" s="30" t="s">
        <v>1040</v>
      </c>
      <c r="D416" s="31" t="s">
        <v>284</v>
      </c>
      <c r="E416" s="32" t="s">
        <v>287</v>
      </c>
      <c r="F416" s="32"/>
      <c r="G416" s="33"/>
      <c r="H416" s="31">
        <v>120</v>
      </c>
      <c r="I416" s="32">
        <v>1700</v>
      </c>
      <c r="J416" s="32">
        <v>680</v>
      </c>
      <c r="K416" s="35">
        <v>4</v>
      </c>
      <c r="L416" s="32">
        <v>135</v>
      </c>
      <c r="M416" s="32">
        <v>235</v>
      </c>
      <c r="N416" s="32">
        <v>42</v>
      </c>
      <c r="O416" s="32">
        <v>625</v>
      </c>
      <c r="P416" s="32"/>
      <c r="Q416" s="36" t="s">
        <v>311</v>
      </c>
      <c r="R416" s="37" t="s">
        <v>1160</v>
      </c>
    </row>
    <row r="417" spans="1:18" s="15" customFormat="1" ht="31.5" customHeight="1" x14ac:dyDescent="0.45">
      <c r="A417" s="29" t="s">
        <v>245</v>
      </c>
      <c r="B417" s="29" t="s">
        <v>943</v>
      </c>
      <c r="C417" s="30" t="s">
        <v>1024</v>
      </c>
      <c r="D417" s="31"/>
      <c r="E417" s="32" t="s">
        <v>1021</v>
      </c>
      <c r="F417" s="32"/>
      <c r="G417" s="33"/>
      <c r="H417" s="31" t="s">
        <v>1022</v>
      </c>
      <c r="I417" s="32" t="s">
        <v>1023</v>
      </c>
      <c r="J417" s="34" t="s">
        <v>1138</v>
      </c>
      <c r="K417" s="35"/>
      <c r="L417" s="32"/>
      <c r="M417" s="32"/>
      <c r="N417" s="32">
        <v>72</v>
      </c>
      <c r="O417" s="34"/>
      <c r="P417" s="34" t="s">
        <v>1362</v>
      </c>
      <c r="Q417" s="36"/>
      <c r="R417" s="37" t="s">
        <v>1696</v>
      </c>
    </row>
    <row r="418" spans="1:18" s="15" customFormat="1" ht="13.2" x14ac:dyDescent="0.45">
      <c r="A418" s="29" t="s">
        <v>245</v>
      </c>
      <c r="B418" s="29" t="s">
        <v>303</v>
      </c>
      <c r="C418" s="30" t="s">
        <v>458</v>
      </c>
      <c r="D418" s="31"/>
      <c r="E418" s="32"/>
      <c r="F418" s="32"/>
      <c r="G418" s="33" t="s">
        <v>15</v>
      </c>
      <c r="H418" s="31"/>
      <c r="I418" s="32"/>
      <c r="J418" s="34"/>
      <c r="K418" s="35"/>
      <c r="L418" s="32"/>
      <c r="M418" s="32"/>
      <c r="N418" s="32"/>
      <c r="O418" s="32"/>
      <c r="P418" s="32"/>
      <c r="Q418" s="36"/>
      <c r="R418" s="37" t="s">
        <v>946</v>
      </c>
    </row>
    <row r="419" spans="1:18" s="20" customFormat="1" ht="13.2" x14ac:dyDescent="0.45">
      <c r="A419" s="29" t="s">
        <v>246</v>
      </c>
      <c r="B419" s="29" t="s">
        <v>585</v>
      </c>
      <c r="C419" s="30" t="s">
        <v>310</v>
      </c>
      <c r="D419" s="31"/>
      <c r="E419" s="32" t="s">
        <v>279</v>
      </c>
      <c r="F419" s="32"/>
      <c r="G419" s="33"/>
      <c r="H419" s="39" t="s">
        <v>311</v>
      </c>
      <c r="I419" s="32" t="s">
        <v>423</v>
      </c>
      <c r="J419" s="32" t="s">
        <v>311</v>
      </c>
      <c r="K419" s="40" t="s">
        <v>311</v>
      </c>
      <c r="L419" s="34" t="s">
        <v>311</v>
      </c>
      <c r="M419" s="32"/>
      <c r="N419" s="32" t="s">
        <v>311</v>
      </c>
      <c r="O419" s="32"/>
      <c r="P419" s="32" t="s">
        <v>707</v>
      </c>
      <c r="Q419" s="36"/>
      <c r="R419" s="37" t="s">
        <v>1326</v>
      </c>
    </row>
    <row r="420" spans="1:18" s="20" customFormat="1" ht="13.2" x14ac:dyDescent="0.45">
      <c r="A420" s="29" t="s">
        <v>246</v>
      </c>
      <c r="B420" s="29" t="s">
        <v>584</v>
      </c>
      <c r="C420" s="30" t="s">
        <v>310</v>
      </c>
      <c r="D420" s="31"/>
      <c r="E420" s="32" t="s">
        <v>279</v>
      </c>
      <c r="F420" s="32"/>
      <c r="G420" s="33"/>
      <c r="H420" s="39"/>
      <c r="I420" s="32" t="s">
        <v>423</v>
      </c>
      <c r="J420" s="32"/>
      <c r="K420" s="40"/>
      <c r="L420" s="34"/>
      <c r="M420" s="32"/>
      <c r="N420" s="32"/>
      <c r="O420" s="32"/>
      <c r="P420" s="32"/>
      <c r="Q420" s="36"/>
      <c r="R420" s="37" t="s">
        <v>1326</v>
      </c>
    </row>
    <row r="421" spans="1:18" s="20" customFormat="1" ht="13.2" x14ac:dyDescent="0.45">
      <c r="A421" s="29" t="s">
        <v>246</v>
      </c>
      <c r="B421" s="29" t="s">
        <v>583</v>
      </c>
      <c r="C421" s="30" t="s">
        <v>310</v>
      </c>
      <c r="D421" s="31"/>
      <c r="E421" s="32" t="s">
        <v>279</v>
      </c>
      <c r="F421" s="32"/>
      <c r="G421" s="33"/>
      <c r="H421" s="39"/>
      <c r="I421" s="32" t="s">
        <v>423</v>
      </c>
      <c r="J421" s="32" t="s">
        <v>311</v>
      </c>
      <c r="K421" s="40"/>
      <c r="L421" s="34"/>
      <c r="M421" s="32"/>
      <c r="N421" s="32" t="s">
        <v>311</v>
      </c>
      <c r="O421" s="32"/>
      <c r="P421" s="32" t="s">
        <v>423</v>
      </c>
      <c r="Q421" s="36"/>
      <c r="R421" s="37" t="s">
        <v>1326</v>
      </c>
    </row>
    <row r="422" spans="1:18" s="15" customFormat="1" ht="13.2" x14ac:dyDescent="0.45">
      <c r="A422" s="29" t="s">
        <v>244</v>
      </c>
      <c r="B422" s="29" t="s">
        <v>947</v>
      </c>
      <c r="C422" s="30" t="s">
        <v>1262</v>
      </c>
      <c r="D422" s="31"/>
      <c r="E422" s="32" t="s">
        <v>942</v>
      </c>
      <c r="F422" s="32"/>
      <c r="G422" s="33"/>
      <c r="H422" s="31"/>
      <c r="I422" s="32"/>
      <c r="J422" s="34"/>
      <c r="K422" s="35"/>
      <c r="L422" s="32"/>
      <c r="M422" s="32"/>
      <c r="N422" s="32"/>
      <c r="O422" s="32"/>
      <c r="P422" s="32"/>
      <c r="Q422" s="36"/>
      <c r="R422" s="37" t="s">
        <v>948</v>
      </c>
    </row>
    <row r="423" spans="1:18" s="15" customFormat="1" ht="38.4" x14ac:dyDescent="0.45">
      <c r="A423" s="29" t="s">
        <v>248</v>
      </c>
      <c r="B423" s="29" t="s">
        <v>309</v>
      </c>
      <c r="C423" s="38" t="s">
        <v>310</v>
      </c>
      <c r="D423" s="31"/>
      <c r="E423" s="32" t="s">
        <v>279</v>
      </c>
      <c r="F423" s="32"/>
      <c r="G423" s="33"/>
      <c r="H423" s="31"/>
      <c r="I423" s="32" t="s">
        <v>301</v>
      </c>
      <c r="J423" s="34" t="s">
        <v>425</v>
      </c>
      <c r="K423" s="35"/>
      <c r="L423" s="32"/>
      <c r="M423" s="32"/>
      <c r="N423" s="32"/>
      <c r="O423" s="32">
        <v>790</v>
      </c>
      <c r="P423" s="32"/>
      <c r="Q423" s="36"/>
      <c r="R423" s="37" t="s">
        <v>1221</v>
      </c>
    </row>
    <row r="424" spans="1:18" s="15" customFormat="1" ht="33.75" customHeight="1" x14ac:dyDescent="0.45">
      <c r="A424" s="29" t="s">
        <v>674</v>
      </c>
      <c r="B424" s="29" t="s">
        <v>675</v>
      </c>
      <c r="C424" s="30" t="s">
        <v>676</v>
      </c>
      <c r="D424" s="31"/>
      <c r="E424" s="32" t="s">
        <v>279</v>
      </c>
      <c r="F424" s="32"/>
      <c r="G424" s="33"/>
      <c r="H424" s="31"/>
      <c r="I424" s="32" t="s">
        <v>301</v>
      </c>
      <c r="J424" s="34" t="s">
        <v>425</v>
      </c>
      <c r="K424" s="35"/>
      <c r="L424" s="32"/>
      <c r="M424" s="32"/>
      <c r="N424" s="32"/>
      <c r="O424" s="32">
        <v>790</v>
      </c>
      <c r="P424" s="32"/>
      <c r="Q424" s="36"/>
      <c r="R424" s="37" t="s">
        <v>677</v>
      </c>
    </row>
    <row r="425" spans="1:18" s="18" customFormat="1" ht="19.2" x14ac:dyDescent="0.45">
      <c r="A425" s="29" t="s">
        <v>249</v>
      </c>
      <c r="B425" s="29" t="s">
        <v>309</v>
      </c>
      <c r="C425" s="30" t="s">
        <v>1263</v>
      </c>
      <c r="D425" s="31"/>
      <c r="E425" s="32" t="s">
        <v>279</v>
      </c>
      <c r="F425" s="32"/>
      <c r="G425" s="33"/>
      <c r="H425" s="39">
        <v>140</v>
      </c>
      <c r="I425" s="34" t="s">
        <v>1033</v>
      </c>
      <c r="J425" s="34" t="s">
        <v>1034</v>
      </c>
      <c r="K425" s="40">
        <v>4</v>
      </c>
      <c r="L425" s="34">
        <v>225</v>
      </c>
      <c r="M425" s="34">
        <v>420</v>
      </c>
      <c r="N425" s="34">
        <v>42</v>
      </c>
      <c r="O425" s="34">
        <v>1150</v>
      </c>
      <c r="P425" s="34"/>
      <c r="Q425" s="41"/>
      <c r="R425" s="37" t="s">
        <v>1697</v>
      </c>
    </row>
    <row r="426" spans="1:18" s="18" customFormat="1" ht="28.8" x14ac:dyDescent="0.45">
      <c r="A426" s="29" t="s">
        <v>250</v>
      </c>
      <c r="B426" s="29" t="s">
        <v>303</v>
      </c>
      <c r="C426" s="30" t="s">
        <v>695</v>
      </c>
      <c r="D426" s="31"/>
      <c r="E426" s="32" t="s">
        <v>279</v>
      </c>
      <c r="F426" s="32"/>
      <c r="G426" s="33"/>
      <c r="H426" s="31"/>
      <c r="I426" s="34" t="s">
        <v>332</v>
      </c>
      <c r="J426" s="34">
        <v>740</v>
      </c>
      <c r="K426" s="35"/>
      <c r="L426" s="32">
        <v>186</v>
      </c>
      <c r="M426" s="32"/>
      <c r="N426" s="32">
        <v>30</v>
      </c>
      <c r="O426" s="32"/>
      <c r="P426" s="32">
        <v>400</v>
      </c>
      <c r="Q426" s="36"/>
      <c r="R426" s="37" t="s">
        <v>831</v>
      </c>
    </row>
    <row r="427" spans="1:18" s="18" customFormat="1" ht="21" customHeight="1" x14ac:dyDescent="0.45">
      <c r="A427" s="29" t="s">
        <v>250</v>
      </c>
      <c r="B427" s="29" t="s">
        <v>545</v>
      </c>
      <c r="C427" s="30" t="s">
        <v>548</v>
      </c>
      <c r="D427" s="31"/>
      <c r="E427" s="32" t="s">
        <v>279</v>
      </c>
      <c r="F427" s="32"/>
      <c r="G427" s="33"/>
      <c r="H427" s="31"/>
      <c r="I427" s="34" t="s">
        <v>546</v>
      </c>
      <c r="J427" s="34">
        <v>1280</v>
      </c>
      <c r="K427" s="35"/>
      <c r="L427" s="32">
        <v>334</v>
      </c>
      <c r="M427" s="32"/>
      <c r="N427" s="32">
        <v>72</v>
      </c>
      <c r="O427" s="32"/>
      <c r="P427" s="32">
        <v>785</v>
      </c>
      <c r="Q427" s="36"/>
      <c r="R427" s="37" t="s">
        <v>547</v>
      </c>
    </row>
    <row r="428" spans="1:18" s="18" customFormat="1" ht="21" customHeight="1" x14ac:dyDescent="0.45">
      <c r="A428" s="29" t="s">
        <v>252</v>
      </c>
      <c r="B428" s="29" t="s">
        <v>1035</v>
      </c>
      <c r="C428" s="30" t="s">
        <v>1036</v>
      </c>
      <c r="D428" s="31"/>
      <c r="E428" s="32" t="s">
        <v>1037</v>
      </c>
      <c r="F428" s="32"/>
      <c r="G428" s="33"/>
      <c r="H428" s="31"/>
      <c r="I428" s="32" t="s">
        <v>1038</v>
      </c>
      <c r="J428" s="34"/>
      <c r="K428" s="35"/>
      <c r="L428" s="32"/>
      <c r="M428" s="32"/>
      <c r="N428" s="32"/>
      <c r="O428" s="32"/>
      <c r="P428" s="32"/>
      <c r="Q428" s="36"/>
      <c r="R428" s="37" t="s">
        <v>1264</v>
      </c>
    </row>
    <row r="429" spans="1:18" s="15" customFormat="1" ht="19.2" x14ac:dyDescent="0.45">
      <c r="A429" s="29" t="s">
        <v>251</v>
      </c>
      <c r="B429" s="29" t="s">
        <v>1323</v>
      </c>
      <c r="C429" s="30" t="s">
        <v>1345</v>
      </c>
      <c r="D429" s="31"/>
      <c r="E429" s="32" t="s">
        <v>279</v>
      </c>
      <c r="F429" s="32"/>
      <c r="G429" s="33"/>
      <c r="H429" s="31"/>
      <c r="I429" s="32">
        <v>1728</v>
      </c>
      <c r="J429" s="34">
        <v>680</v>
      </c>
      <c r="K429" s="35"/>
      <c r="L429" s="32"/>
      <c r="M429" s="32"/>
      <c r="N429" s="32"/>
      <c r="O429" s="32"/>
      <c r="P429" s="32"/>
      <c r="Q429" s="36"/>
      <c r="R429" s="37" t="s">
        <v>1324</v>
      </c>
    </row>
    <row r="430" spans="1:18" s="15" customFormat="1" ht="28.8" x14ac:dyDescent="0.45">
      <c r="A430" s="29" t="s">
        <v>253</v>
      </c>
      <c r="B430" s="29" t="s">
        <v>303</v>
      </c>
      <c r="C430" s="30" t="s">
        <v>1698</v>
      </c>
      <c r="D430" s="31"/>
      <c r="E430" s="32" t="s">
        <v>279</v>
      </c>
      <c r="F430" s="32"/>
      <c r="G430" s="33"/>
      <c r="H430" s="31">
        <v>120</v>
      </c>
      <c r="I430" s="32">
        <v>1700</v>
      </c>
      <c r="J430" s="34">
        <v>680</v>
      </c>
      <c r="K430" s="35">
        <v>4</v>
      </c>
      <c r="L430" s="32">
        <v>135</v>
      </c>
      <c r="M430" s="32">
        <v>235</v>
      </c>
      <c r="N430" s="32">
        <v>42</v>
      </c>
      <c r="O430" s="32">
        <v>625</v>
      </c>
      <c r="P430" s="32"/>
      <c r="Q430" s="36"/>
      <c r="R430" s="37" t="s">
        <v>1265</v>
      </c>
    </row>
    <row r="431" spans="1:18" s="15" customFormat="1" ht="19.2" x14ac:dyDescent="0.45">
      <c r="A431" s="29" t="s">
        <v>253</v>
      </c>
      <c r="B431" s="29" t="s">
        <v>303</v>
      </c>
      <c r="C431" s="30" t="s">
        <v>1303</v>
      </c>
      <c r="D431" s="31"/>
      <c r="E431" s="32" t="s">
        <v>279</v>
      </c>
      <c r="F431" s="32"/>
      <c r="G431" s="33"/>
      <c r="H431" s="31">
        <v>140</v>
      </c>
      <c r="I431" s="32">
        <v>1950</v>
      </c>
      <c r="J431" s="34">
        <v>930</v>
      </c>
      <c r="K431" s="35">
        <v>4</v>
      </c>
      <c r="L431" s="32">
        <v>225</v>
      </c>
      <c r="M431" s="32">
        <v>420</v>
      </c>
      <c r="N431" s="32">
        <v>42</v>
      </c>
      <c r="O431" s="32">
        <v>1150</v>
      </c>
      <c r="P431" s="32"/>
      <c r="Q431" s="36"/>
      <c r="R431" s="37" t="s">
        <v>1304</v>
      </c>
    </row>
    <row r="432" spans="1:18" s="15" customFormat="1" ht="13.2" x14ac:dyDescent="0.45">
      <c r="A432" s="29" t="s">
        <v>254</v>
      </c>
      <c r="B432" s="29" t="s">
        <v>303</v>
      </c>
      <c r="C432" s="30" t="s">
        <v>949</v>
      </c>
      <c r="D432" s="31"/>
      <c r="E432" s="32"/>
      <c r="F432" s="32"/>
      <c r="G432" s="33" t="s">
        <v>942</v>
      </c>
      <c r="H432" s="31"/>
      <c r="I432" s="32" t="s">
        <v>454</v>
      </c>
      <c r="J432" s="34">
        <v>690</v>
      </c>
      <c r="K432" s="35"/>
      <c r="L432" s="32"/>
      <c r="M432" s="32"/>
      <c r="N432" s="32">
        <v>33</v>
      </c>
      <c r="O432" s="32"/>
      <c r="P432" s="32">
        <v>350</v>
      </c>
      <c r="Q432" s="36" t="s">
        <v>950</v>
      </c>
      <c r="R432" s="37" t="s">
        <v>946</v>
      </c>
    </row>
    <row r="433" spans="1:18" s="15" customFormat="1" ht="34.5" customHeight="1" x14ac:dyDescent="0.45">
      <c r="A433" s="29" t="s">
        <v>255</v>
      </c>
      <c r="B433" s="29" t="s">
        <v>789</v>
      </c>
      <c r="C433" s="30" t="s">
        <v>645</v>
      </c>
      <c r="D433" s="31"/>
      <c r="E433" s="32" t="s">
        <v>279</v>
      </c>
      <c r="F433" s="32"/>
      <c r="G433" s="33"/>
      <c r="H433" s="31"/>
      <c r="I433" s="32" t="s">
        <v>627</v>
      </c>
      <c r="J433" s="34"/>
      <c r="K433" s="35"/>
      <c r="L433" s="32"/>
      <c r="M433" s="32"/>
      <c r="N433" s="32"/>
      <c r="O433" s="32"/>
      <c r="P433" s="32"/>
      <c r="Q433" s="36"/>
      <c r="R433" s="37" t="s">
        <v>708</v>
      </c>
    </row>
    <row r="434" spans="1:18" s="18" customFormat="1" ht="21" customHeight="1" x14ac:dyDescent="0.45">
      <c r="A434" s="29" t="s">
        <v>256</v>
      </c>
      <c r="B434" s="29" t="s">
        <v>981</v>
      </c>
      <c r="C434" s="30" t="s">
        <v>1476</v>
      </c>
      <c r="D434" s="31" t="s">
        <v>983</v>
      </c>
      <c r="E434" s="32" t="s">
        <v>982</v>
      </c>
      <c r="F434" s="32"/>
      <c r="G434" s="33"/>
      <c r="H434" s="61" t="s">
        <v>776</v>
      </c>
      <c r="I434" s="35" t="s">
        <v>776</v>
      </c>
      <c r="J434" s="35" t="s">
        <v>776</v>
      </c>
      <c r="K434" s="35" t="s">
        <v>776</v>
      </c>
      <c r="L434" s="35" t="s">
        <v>776</v>
      </c>
      <c r="M434" s="35" t="s">
        <v>776</v>
      </c>
      <c r="N434" s="35" t="s">
        <v>776</v>
      </c>
      <c r="O434" s="32"/>
      <c r="P434" s="32"/>
      <c r="Q434" s="36"/>
      <c r="R434" s="37" t="s">
        <v>1266</v>
      </c>
    </row>
    <row r="435" spans="1:18" s="18" customFormat="1" ht="13.2" x14ac:dyDescent="0.45">
      <c r="A435" s="29" t="s">
        <v>256</v>
      </c>
      <c r="B435" s="29" t="s">
        <v>303</v>
      </c>
      <c r="C435" s="30" t="s">
        <v>1472</v>
      </c>
      <c r="D435" s="31"/>
      <c r="E435" s="32"/>
      <c r="F435" s="32"/>
      <c r="G435" s="33" t="s">
        <v>279</v>
      </c>
      <c r="H435" s="61"/>
      <c r="I435" s="35"/>
      <c r="J435" s="35"/>
      <c r="K435" s="35"/>
      <c r="L435" s="35"/>
      <c r="M435" s="35"/>
      <c r="N435" s="35"/>
      <c r="O435" s="32"/>
      <c r="P435" s="32"/>
      <c r="Q435" s="36"/>
      <c r="R435" s="37" t="s">
        <v>1497</v>
      </c>
    </row>
    <row r="436" spans="1:18" s="18" customFormat="1" ht="21" customHeight="1" x14ac:dyDescent="0.45">
      <c r="A436" s="29" t="s">
        <v>257</v>
      </c>
      <c r="B436" s="29" t="s">
        <v>303</v>
      </c>
      <c r="C436" s="30" t="s">
        <v>1381</v>
      </c>
      <c r="D436" s="31"/>
      <c r="E436" s="32" t="s">
        <v>279</v>
      </c>
      <c r="F436" s="32"/>
      <c r="G436" s="33"/>
      <c r="H436" s="31">
        <v>140</v>
      </c>
      <c r="I436" s="32">
        <v>1600</v>
      </c>
      <c r="J436" s="34">
        <v>850</v>
      </c>
      <c r="K436" s="35">
        <v>4</v>
      </c>
      <c r="L436" s="32">
        <v>188</v>
      </c>
      <c r="M436" s="32">
        <v>420</v>
      </c>
      <c r="N436" s="32">
        <v>42</v>
      </c>
      <c r="O436" s="32"/>
      <c r="P436" s="32"/>
      <c r="Q436" s="36"/>
      <c r="R436" s="37" t="s">
        <v>1267</v>
      </c>
    </row>
    <row r="437" spans="1:18" s="18" customFormat="1" ht="21" customHeight="1" x14ac:dyDescent="0.45">
      <c r="A437" s="29" t="s">
        <v>258</v>
      </c>
      <c r="B437" s="29" t="s">
        <v>984</v>
      </c>
      <c r="C437" s="30" t="s">
        <v>1476</v>
      </c>
      <c r="D437" s="31" t="s">
        <v>537</v>
      </c>
      <c r="E437" s="32" t="s">
        <v>430</v>
      </c>
      <c r="F437" s="32"/>
      <c r="G437" s="33"/>
      <c r="H437" s="31" t="s">
        <v>1204</v>
      </c>
      <c r="I437" s="32" t="s">
        <v>1203</v>
      </c>
      <c r="J437" s="34" t="s">
        <v>1203</v>
      </c>
      <c r="K437" s="35" t="s">
        <v>1203</v>
      </c>
      <c r="L437" s="32" t="s">
        <v>1203</v>
      </c>
      <c r="M437" s="32" t="s">
        <v>1203</v>
      </c>
      <c r="N437" s="32" t="s">
        <v>1203</v>
      </c>
      <c r="O437" s="32"/>
      <c r="P437" s="32"/>
      <c r="Q437" s="36"/>
      <c r="R437" s="37" t="s">
        <v>1268</v>
      </c>
    </row>
    <row r="438" spans="1:18" s="18" customFormat="1" ht="14.25" customHeight="1" x14ac:dyDescent="0.45">
      <c r="A438" s="29" t="s">
        <v>513</v>
      </c>
      <c r="B438" s="29" t="s">
        <v>712</v>
      </c>
      <c r="C438" s="38" t="s">
        <v>629</v>
      </c>
      <c r="D438" s="31" t="s">
        <v>537</v>
      </c>
      <c r="E438" s="32" t="s">
        <v>287</v>
      </c>
      <c r="F438" s="32"/>
      <c r="G438" s="33"/>
      <c r="H438" s="31">
        <v>120</v>
      </c>
      <c r="I438" s="32" t="s">
        <v>630</v>
      </c>
      <c r="J438" s="34">
        <v>680</v>
      </c>
      <c r="K438" s="35"/>
      <c r="L438" s="32">
        <v>135</v>
      </c>
      <c r="M438" s="32">
        <v>235</v>
      </c>
      <c r="N438" s="32"/>
      <c r="O438" s="32"/>
      <c r="P438" s="32"/>
      <c r="Q438" s="36"/>
      <c r="R438" s="37" t="s">
        <v>1269</v>
      </c>
    </row>
    <row r="439" spans="1:18" s="18" customFormat="1" ht="34.5" customHeight="1" x14ac:dyDescent="0.45">
      <c r="A439" s="29" t="s">
        <v>259</v>
      </c>
      <c r="B439" s="29" t="s">
        <v>303</v>
      </c>
      <c r="C439" s="30" t="s">
        <v>729</v>
      </c>
      <c r="D439" s="31" t="s">
        <v>284</v>
      </c>
      <c r="E439" s="32" t="s">
        <v>287</v>
      </c>
      <c r="F439" s="32"/>
      <c r="G439" s="33"/>
      <c r="H439" s="39" t="s">
        <v>638</v>
      </c>
      <c r="I439" s="34">
        <v>1950</v>
      </c>
      <c r="J439" s="34">
        <v>930</v>
      </c>
      <c r="K439" s="40">
        <v>4</v>
      </c>
      <c r="L439" s="34">
        <v>225</v>
      </c>
      <c r="M439" s="34">
        <v>420</v>
      </c>
      <c r="N439" s="34">
        <v>42</v>
      </c>
      <c r="O439" s="34">
        <v>790</v>
      </c>
      <c r="P439" s="34"/>
      <c r="Q439" s="41"/>
      <c r="R439" s="37" t="s">
        <v>1489</v>
      </c>
    </row>
    <row r="440" spans="1:18" s="15" customFormat="1" ht="21" customHeight="1" x14ac:dyDescent="0.45">
      <c r="A440" s="29" t="s">
        <v>259</v>
      </c>
      <c r="B440" s="29" t="s">
        <v>713</v>
      </c>
      <c r="C440" s="30" t="s">
        <v>304</v>
      </c>
      <c r="D440" s="31"/>
      <c r="E440" s="32" t="s">
        <v>279</v>
      </c>
      <c r="F440" s="32"/>
      <c r="G440" s="33"/>
      <c r="H440" s="39" t="s">
        <v>285</v>
      </c>
      <c r="I440" s="34">
        <v>2300</v>
      </c>
      <c r="J440" s="34">
        <v>1180</v>
      </c>
      <c r="K440" s="40">
        <v>5.5</v>
      </c>
      <c r="L440" s="34">
        <v>309</v>
      </c>
      <c r="M440" s="34">
        <v>600</v>
      </c>
      <c r="N440" s="34">
        <v>72</v>
      </c>
      <c r="O440" s="34">
        <v>1095</v>
      </c>
      <c r="P440" s="34"/>
      <c r="Q440" s="41"/>
      <c r="R440" s="37" t="s">
        <v>910</v>
      </c>
    </row>
    <row r="441" spans="1:18" s="18" customFormat="1" ht="22.5" customHeight="1" x14ac:dyDescent="0.45">
      <c r="A441" s="29" t="s">
        <v>265</v>
      </c>
      <c r="B441" s="29" t="s">
        <v>303</v>
      </c>
      <c r="C441" s="30" t="s">
        <v>610</v>
      </c>
      <c r="D441" s="31"/>
      <c r="E441" s="32" t="s">
        <v>279</v>
      </c>
      <c r="F441" s="32"/>
      <c r="G441" s="33"/>
      <c r="H441" s="31"/>
      <c r="I441" s="32" t="s">
        <v>630</v>
      </c>
      <c r="J441" s="34">
        <v>680</v>
      </c>
      <c r="K441" s="35"/>
      <c r="L441" s="32"/>
      <c r="M441" s="32"/>
      <c r="N441" s="32"/>
      <c r="O441" s="32"/>
      <c r="P441" s="32">
        <v>225</v>
      </c>
      <c r="Q441" s="36"/>
      <c r="R441" s="37" t="s">
        <v>1699</v>
      </c>
    </row>
    <row r="442" spans="1:18" s="15" customFormat="1" ht="28.8" x14ac:dyDescent="0.45">
      <c r="A442" s="29" t="s">
        <v>514</v>
      </c>
      <c r="B442" s="29" t="s">
        <v>350</v>
      </c>
      <c r="C442" s="30" t="s">
        <v>979</v>
      </c>
      <c r="D442" s="31"/>
      <c r="E442" s="32" t="s">
        <v>279</v>
      </c>
      <c r="F442" s="32"/>
      <c r="G442" s="33"/>
      <c r="H442" s="31"/>
      <c r="I442" s="32" t="s">
        <v>630</v>
      </c>
      <c r="J442" s="34">
        <v>690</v>
      </c>
      <c r="K442" s="35"/>
      <c r="L442" s="32"/>
      <c r="M442" s="32"/>
      <c r="N442" s="32"/>
      <c r="O442" s="32"/>
      <c r="P442" s="32">
        <v>400</v>
      </c>
      <c r="Q442" s="41" t="s">
        <v>423</v>
      </c>
      <c r="R442" s="37" t="s">
        <v>1700</v>
      </c>
    </row>
    <row r="443" spans="1:18" s="15" customFormat="1" ht="25.5" customHeight="1" x14ac:dyDescent="0.45">
      <c r="A443" s="29" t="s">
        <v>515</v>
      </c>
      <c r="B443" s="29" t="s">
        <v>1701</v>
      </c>
      <c r="C443" s="30" t="s">
        <v>753</v>
      </c>
      <c r="D443" s="31" t="s">
        <v>537</v>
      </c>
      <c r="E443" s="32"/>
      <c r="F443" s="32"/>
      <c r="G443" s="33"/>
      <c r="H443" s="31"/>
      <c r="I443" s="34" t="s">
        <v>470</v>
      </c>
      <c r="J443" s="34"/>
      <c r="K443" s="35"/>
      <c r="L443" s="32"/>
      <c r="M443" s="32"/>
      <c r="N443" s="32"/>
      <c r="O443" s="32"/>
      <c r="P443" s="32">
        <v>600</v>
      </c>
      <c r="Q443" s="41"/>
      <c r="R443" s="37"/>
    </row>
    <row r="444" spans="1:18" s="15" customFormat="1" ht="21" customHeight="1" x14ac:dyDescent="0.45">
      <c r="A444" s="29" t="s">
        <v>515</v>
      </c>
      <c r="B444" s="29" t="s">
        <v>350</v>
      </c>
      <c r="C444" s="30" t="s">
        <v>646</v>
      </c>
      <c r="D444" s="31"/>
      <c r="E444" s="32" t="s">
        <v>279</v>
      </c>
      <c r="F444" s="32"/>
      <c r="G444" s="33"/>
      <c r="H444" s="31">
        <v>140</v>
      </c>
      <c r="I444" s="32" t="s">
        <v>470</v>
      </c>
      <c r="J444" s="34" t="s">
        <v>1034</v>
      </c>
      <c r="K444" s="35">
        <v>4</v>
      </c>
      <c r="L444" s="32">
        <v>225</v>
      </c>
      <c r="M444" s="32">
        <v>420</v>
      </c>
      <c r="N444" s="32">
        <v>42</v>
      </c>
      <c r="O444" s="32">
        <v>1150</v>
      </c>
      <c r="P444" s="32"/>
      <c r="Q444" s="41" t="s">
        <v>423</v>
      </c>
      <c r="R444" s="37" t="s">
        <v>1702</v>
      </c>
    </row>
    <row r="445" spans="1:18" s="15" customFormat="1" ht="25.2" customHeight="1" x14ac:dyDescent="0.45">
      <c r="A445" s="29" t="s">
        <v>262</v>
      </c>
      <c r="B445" s="29" t="s">
        <v>350</v>
      </c>
      <c r="C445" s="30" t="s">
        <v>1350</v>
      </c>
      <c r="D445" s="31"/>
      <c r="E445" s="32" t="s">
        <v>279</v>
      </c>
      <c r="F445" s="32"/>
      <c r="G445" s="33"/>
      <c r="H445" s="31"/>
      <c r="I445" s="32" t="s">
        <v>566</v>
      </c>
      <c r="J445" s="34"/>
      <c r="K445" s="35"/>
      <c r="L445" s="32"/>
      <c r="M445" s="32"/>
      <c r="N445" s="32"/>
      <c r="O445" s="32"/>
      <c r="P445" s="32"/>
      <c r="Q445" s="36"/>
      <c r="R445" s="37" t="s">
        <v>1563</v>
      </c>
    </row>
    <row r="446" spans="1:18" s="18" customFormat="1" ht="19.2" x14ac:dyDescent="0.45">
      <c r="A446" s="29" t="s">
        <v>260</v>
      </c>
      <c r="B446" s="29" t="s">
        <v>350</v>
      </c>
      <c r="C446" s="30" t="s">
        <v>1515</v>
      </c>
      <c r="D446" s="31"/>
      <c r="E446" s="32"/>
      <c r="F446" s="32"/>
      <c r="G446" s="33" t="s">
        <v>1530</v>
      </c>
      <c r="H446" s="31"/>
      <c r="I446" s="32" t="s">
        <v>301</v>
      </c>
      <c r="J446" s="34"/>
      <c r="K446" s="35">
        <v>4</v>
      </c>
      <c r="L446" s="32">
        <v>225</v>
      </c>
      <c r="M446" s="32">
        <v>420</v>
      </c>
      <c r="N446" s="32"/>
      <c r="O446" s="32"/>
      <c r="P446" s="32"/>
      <c r="Q446" s="36"/>
      <c r="R446" s="37" t="s">
        <v>1531</v>
      </c>
    </row>
    <row r="447" spans="1:18" s="18" customFormat="1" ht="28.8" x14ac:dyDescent="0.45">
      <c r="A447" s="29" t="s">
        <v>266</v>
      </c>
      <c r="B447" s="29" t="s">
        <v>1078</v>
      </c>
      <c r="C447" s="30" t="s">
        <v>1703</v>
      </c>
      <c r="D447" s="31"/>
      <c r="E447" s="32" t="s">
        <v>279</v>
      </c>
      <c r="F447" s="32"/>
      <c r="G447" s="33"/>
      <c r="H447" s="31">
        <v>120</v>
      </c>
      <c r="I447" s="32" t="s">
        <v>341</v>
      </c>
      <c r="J447" s="34" t="s">
        <v>1224</v>
      </c>
      <c r="K447" s="35"/>
      <c r="L447" s="32">
        <v>135</v>
      </c>
      <c r="M447" s="32">
        <v>235</v>
      </c>
      <c r="N447" s="32">
        <v>42</v>
      </c>
      <c r="O447" s="32">
        <v>625</v>
      </c>
      <c r="P447" s="32"/>
      <c r="Q447" s="36"/>
      <c r="R447" s="37" t="s">
        <v>1704</v>
      </c>
    </row>
    <row r="448" spans="1:18" s="18" customFormat="1" ht="21" customHeight="1" x14ac:dyDescent="0.45">
      <c r="A448" s="29" t="s">
        <v>263</v>
      </c>
      <c r="B448" s="29" t="s">
        <v>303</v>
      </c>
      <c r="C448" s="30" t="s">
        <v>631</v>
      </c>
      <c r="D448" s="31"/>
      <c r="E448" s="32" t="s">
        <v>279</v>
      </c>
      <c r="F448" s="32"/>
      <c r="G448" s="33"/>
      <c r="H448" s="31">
        <v>140</v>
      </c>
      <c r="I448" s="32" t="s">
        <v>879</v>
      </c>
      <c r="J448" s="34">
        <v>930</v>
      </c>
      <c r="K448" s="35">
        <v>4</v>
      </c>
      <c r="L448" s="32">
        <v>225</v>
      </c>
      <c r="M448" s="32">
        <v>420</v>
      </c>
      <c r="N448" s="32">
        <v>42</v>
      </c>
      <c r="O448" s="32">
        <v>790</v>
      </c>
      <c r="P448" s="32"/>
      <c r="Q448" s="36"/>
      <c r="R448" s="37" t="s">
        <v>1705</v>
      </c>
    </row>
    <row r="449" spans="1:18" s="15" customFormat="1" ht="28.8" x14ac:dyDescent="0.45">
      <c r="A449" s="29" t="s">
        <v>261</v>
      </c>
      <c r="B449" s="29" t="s">
        <v>447</v>
      </c>
      <c r="C449" s="30" t="s">
        <v>610</v>
      </c>
      <c r="D449" s="31"/>
      <c r="E449" s="32" t="s">
        <v>279</v>
      </c>
      <c r="F449" s="32"/>
      <c r="G449" s="33"/>
      <c r="H449" s="31"/>
      <c r="I449" s="32" t="s">
        <v>301</v>
      </c>
      <c r="J449" s="34" t="s">
        <v>1013</v>
      </c>
      <c r="K449" s="35"/>
      <c r="L449" s="32"/>
      <c r="M449" s="32"/>
      <c r="N449" s="32">
        <v>42</v>
      </c>
      <c r="O449" s="32">
        <v>1150</v>
      </c>
      <c r="P449" s="32"/>
      <c r="Q449" s="36"/>
      <c r="R449" s="37" t="s">
        <v>1490</v>
      </c>
    </row>
    <row r="450" spans="1:18" s="15" customFormat="1" ht="31.5" customHeight="1" x14ac:dyDescent="0.45">
      <c r="A450" s="29" t="s">
        <v>264</v>
      </c>
      <c r="B450" s="29" t="s">
        <v>303</v>
      </c>
      <c r="C450" s="30" t="s">
        <v>1091</v>
      </c>
      <c r="D450" s="31"/>
      <c r="E450" s="32" t="s">
        <v>279</v>
      </c>
      <c r="F450" s="32"/>
      <c r="G450" s="33"/>
      <c r="H450" s="31">
        <v>120</v>
      </c>
      <c r="I450" s="32">
        <v>1700</v>
      </c>
      <c r="J450" s="34" t="s">
        <v>1090</v>
      </c>
      <c r="K450" s="35">
        <v>4</v>
      </c>
      <c r="L450" s="32">
        <v>135</v>
      </c>
      <c r="M450" s="32">
        <v>235</v>
      </c>
      <c r="N450" s="32">
        <v>42</v>
      </c>
      <c r="O450" s="32">
        <v>385</v>
      </c>
      <c r="P450" s="32"/>
      <c r="Q450" s="36"/>
      <c r="R450" s="37" t="s">
        <v>1706</v>
      </c>
    </row>
    <row r="451" spans="1:18" s="15" customFormat="1" ht="13.2" x14ac:dyDescent="0.45">
      <c r="A451" s="29" t="s">
        <v>267</v>
      </c>
      <c r="B451" s="29" t="s">
        <v>960</v>
      </c>
      <c r="C451" s="30" t="s">
        <v>959</v>
      </c>
      <c r="D451" s="31"/>
      <c r="E451" s="32" t="s">
        <v>958</v>
      </c>
      <c r="F451" s="32"/>
      <c r="G451" s="33"/>
      <c r="H451" s="31"/>
      <c r="I451" s="32"/>
      <c r="J451" s="34"/>
      <c r="K451" s="35"/>
      <c r="L451" s="32"/>
      <c r="M451" s="32"/>
      <c r="N451" s="32"/>
      <c r="O451" s="32"/>
      <c r="P451" s="32"/>
      <c r="Q451" s="36"/>
      <c r="R451" s="37" t="s">
        <v>948</v>
      </c>
    </row>
    <row r="452" spans="1:18" s="18" customFormat="1" ht="21" customHeight="1" x14ac:dyDescent="0.45">
      <c r="A452" s="29" t="s">
        <v>760</v>
      </c>
      <c r="B452" s="29" t="s">
        <v>1176</v>
      </c>
      <c r="C452" s="30" t="s">
        <v>1177</v>
      </c>
      <c r="D452" s="31"/>
      <c r="E452" s="32" t="s">
        <v>15</v>
      </c>
      <c r="F452" s="32"/>
      <c r="G452" s="33"/>
      <c r="H452" s="31"/>
      <c r="I452" s="32" t="s">
        <v>1175</v>
      </c>
      <c r="J452" s="34"/>
      <c r="K452" s="35"/>
      <c r="L452" s="32"/>
      <c r="M452" s="32"/>
      <c r="N452" s="32"/>
      <c r="O452" s="32"/>
      <c r="P452" s="32"/>
      <c r="Q452" s="36"/>
      <c r="R452" s="37" t="s">
        <v>1513</v>
      </c>
    </row>
    <row r="453" spans="1:18" s="18" customFormat="1" ht="31.5" customHeight="1" x14ac:dyDescent="0.45">
      <c r="A453" s="29" t="s">
        <v>268</v>
      </c>
      <c r="B453" s="29" t="s">
        <v>378</v>
      </c>
      <c r="C453" s="30" t="s">
        <v>727</v>
      </c>
      <c r="D453" s="31"/>
      <c r="E453" s="32" t="s">
        <v>279</v>
      </c>
      <c r="F453" s="32"/>
      <c r="G453" s="33"/>
      <c r="H453" s="31">
        <v>140</v>
      </c>
      <c r="I453" s="32">
        <v>1950</v>
      </c>
      <c r="J453" s="34">
        <v>930</v>
      </c>
      <c r="K453" s="35">
        <v>4</v>
      </c>
      <c r="L453" s="32">
        <v>225</v>
      </c>
      <c r="M453" s="32">
        <v>420</v>
      </c>
      <c r="N453" s="32">
        <v>42</v>
      </c>
      <c r="O453" s="32">
        <v>1150</v>
      </c>
      <c r="P453" s="32"/>
      <c r="Q453" s="36"/>
      <c r="R453" s="37" t="s">
        <v>1523</v>
      </c>
    </row>
    <row r="454" spans="1:18" s="15" customFormat="1" ht="31.5" customHeight="1" x14ac:dyDescent="0.45">
      <c r="A454" s="29" t="s">
        <v>516</v>
      </c>
      <c r="B454" s="29" t="s">
        <v>303</v>
      </c>
      <c r="C454" s="30" t="s">
        <v>1075</v>
      </c>
      <c r="D454" s="31" t="s">
        <v>284</v>
      </c>
      <c r="E454" s="32" t="s">
        <v>287</v>
      </c>
      <c r="F454" s="32"/>
      <c r="G454" s="33"/>
      <c r="H454" s="31">
        <v>120</v>
      </c>
      <c r="I454" s="32">
        <v>1700</v>
      </c>
      <c r="J454" s="34" t="s">
        <v>1076</v>
      </c>
      <c r="K454" s="35">
        <v>4</v>
      </c>
      <c r="L454" s="32">
        <v>135</v>
      </c>
      <c r="M454" s="32">
        <v>235</v>
      </c>
      <c r="N454" s="32">
        <v>42</v>
      </c>
      <c r="O454" s="32">
        <v>625</v>
      </c>
      <c r="P454" s="32"/>
      <c r="Q454" s="36"/>
      <c r="R454" s="37" t="s">
        <v>1707</v>
      </c>
    </row>
    <row r="455" spans="1:18" s="15" customFormat="1" ht="31.5" customHeight="1" x14ac:dyDescent="0.45">
      <c r="A455" s="29" t="s">
        <v>516</v>
      </c>
      <c r="B455" s="29" t="s">
        <v>320</v>
      </c>
      <c r="C455" s="30" t="s">
        <v>1151</v>
      </c>
      <c r="D455" s="31"/>
      <c r="E455" s="32" t="s">
        <v>279</v>
      </c>
      <c r="F455" s="32"/>
      <c r="G455" s="33"/>
      <c r="H455" s="31">
        <v>120</v>
      </c>
      <c r="I455" s="32">
        <v>1700</v>
      </c>
      <c r="J455" s="34" t="s">
        <v>1076</v>
      </c>
      <c r="K455" s="35">
        <v>4</v>
      </c>
      <c r="L455" s="32">
        <v>135</v>
      </c>
      <c r="M455" s="32">
        <v>235</v>
      </c>
      <c r="N455" s="32">
        <v>42</v>
      </c>
      <c r="O455" s="32">
        <v>625</v>
      </c>
      <c r="P455" s="32"/>
      <c r="Q455" s="36"/>
      <c r="R455" s="37" t="s">
        <v>1708</v>
      </c>
    </row>
    <row r="456" spans="1:18" s="15" customFormat="1" ht="14.25" customHeight="1" x14ac:dyDescent="0.45">
      <c r="A456" s="29" t="s">
        <v>270</v>
      </c>
      <c r="B456" s="29" t="s">
        <v>951</v>
      </c>
      <c r="C456" s="30" t="s">
        <v>1073</v>
      </c>
      <c r="D456" s="31"/>
      <c r="E456" s="32"/>
      <c r="F456" s="32"/>
      <c r="G456" s="33" t="s">
        <v>942</v>
      </c>
      <c r="H456" s="31"/>
      <c r="I456" s="32"/>
      <c r="J456" s="34"/>
      <c r="K456" s="35"/>
      <c r="L456" s="32"/>
      <c r="M456" s="32"/>
      <c r="N456" s="32"/>
      <c r="O456" s="32"/>
      <c r="P456" s="32"/>
      <c r="Q456" s="36"/>
      <c r="R456" s="37" t="s">
        <v>946</v>
      </c>
    </row>
    <row r="457" spans="1:18" s="15" customFormat="1" ht="14.25" customHeight="1" x14ac:dyDescent="0.45">
      <c r="A457" s="29" t="s">
        <v>517</v>
      </c>
      <c r="B457" s="29" t="s">
        <v>714</v>
      </c>
      <c r="C457" s="38" t="s">
        <v>310</v>
      </c>
      <c r="D457" s="31"/>
      <c r="E457" s="32" t="s">
        <v>279</v>
      </c>
      <c r="F457" s="32"/>
      <c r="G457" s="33"/>
      <c r="H457" s="31">
        <v>140</v>
      </c>
      <c r="I457" s="32">
        <v>1980</v>
      </c>
      <c r="J457" s="34">
        <v>930</v>
      </c>
      <c r="K457" s="35">
        <v>4</v>
      </c>
      <c r="L457" s="32">
        <v>225</v>
      </c>
      <c r="M457" s="32">
        <v>420</v>
      </c>
      <c r="N457" s="32">
        <v>42</v>
      </c>
      <c r="O457" s="32">
        <v>1150</v>
      </c>
      <c r="P457" s="32"/>
      <c r="Q457" s="36" t="s">
        <v>423</v>
      </c>
      <c r="R457" s="37" t="s">
        <v>1709</v>
      </c>
    </row>
    <row r="458" spans="1:18" s="18" customFormat="1" ht="13.2" x14ac:dyDescent="0.45">
      <c r="A458" s="29" t="s">
        <v>271</v>
      </c>
      <c r="B458" s="29" t="s">
        <v>805</v>
      </c>
      <c r="C458" s="30" t="s">
        <v>806</v>
      </c>
      <c r="D458" s="31"/>
      <c r="E458" s="32" t="s">
        <v>279</v>
      </c>
      <c r="F458" s="32"/>
      <c r="G458" s="33"/>
      <c r="H458" s="31" t="s">
        <v>1084</v>
      </c>
      <c r="I458" s="32" t="s">
        <v>1084</v>
      </c>
      <c r="J458" s="32" t="s">
        <v>1084</v>
      </c>
      <c r="K458" s="32" t="s">
        <v>1084</v>
      </c>
      <c r="L458" s="32" t="s">
        <v>1084</v>
      </c>
      <c r="M458" s="32" t="s">
        <v>1084</v>
      </c>
      <c r="N458" s="32" t="s">
        <v>1084</v>
      </c>
      <c r="O458" s="32" t="s">
        <v>1084</v>
      </c>
      <c r="P458" s="32"/>
      <c r="Q458" s="36"/>
      <c r="R458" s="37" t="s">
        <v>1193</v>
      </c>
    </row>
    <row r="459" spans="1:18" s="18" customFormat="1" ht="31.5" customHeight="1" x14ac:dyDescent="0.45">
      <c r="A459" s="29" t="s">
        <v>518</v>
      </c>
      <c r="B459" s="29" t="s">
        <v>303</v>
      </c>
      <c r="C459" s="30" t="s">
        <v>1270</v>
      </c>
      <c r="D459" s="31"/>
      <c r="E459" s="32" t="s">
        <v>279</v>
      </c>
      <c r="F459" s="32"/>
      <c r="G459" s="33"/>
      <c r="H459" s="31">
        <v>120</v>
      </c>
      <c r="I459" s="32" t="s">
        <v>505</v>
      </c>
      <c r="J459" s="34">
        <v>680</v>
      </c>
      <c r="K459" s="35">
        <v>4</v>
      </c>
      <c r="L459" s="32">
        <v>135</v>
      </c>
      <c r="M459" s="32">
        <v>235</v>
      </c>
      <c r="N459" s="32">
        <v>42</v>
      </c>
      <c r="O459" s="32">
        <v>625</v>
      </c>
      <c r="P459" s="32"/>
      <c r="Q459" s="36"/>
      <c r="R459" s="37" t="s">
        <v>1152</v>
      </c>
    </row>
    <row r="460" spans="1:18" s="15" customFormat="1" ht="19.2" x14ac:dyDescent="0.45">
      <c r="A460" s="29" t="s">
        <v>269</v>
      </c>
      <c r="B460" s="29" t="s">
        <v>843</v>
      </c>
      <c r="C460" s="30" t="s">
        <v>751</v>
      </c>
      <c r="D460" s="31" t="s">
        <v>416</v>
      </c>
      <c r="E460" s="32"/>
      <c r="F460" s="32"/>
      <c r="G460" s="33"/>
      <c r="H460" s="39" t="s">
        <v>841</v>
      </c>
      <c r="I460" s="34" t="s">
        <v>591</v>
      </c>
      <c r="J460" s="34">
        <v>930</v>
      </c>
      <c r="K460" s="35">
        <v>4</v>
      </c>
      <c r="L460" s="32"/>
      <c r="M460" s="32"/>
      <c r="N460" s="32">
        <v>42</v>
      </c>
      <c r="O460" s="32">
        <v>790</v>
      </c>
      <c r="P460" s="32"/>
      <c r="Q460" s="41"/>
      <c r="R460" s="37" t="s">
        <v>1499</v>
      </c>
    </row>
    <row r="461" spans="1:18" s="15" customFormat="1" ht="19.2" x14ac:dyDescent="0.45">
      <c r="A461" s="29" t="s">
        <v>269</v>
      </c>
      <c r="B461" s="29" t="s">
        <v>303</v>
      </c>
      <c r="C461" s="30" t="s">
        <v>400</v>
      </c>
      <c r="D461" s="31"/>
      <c r="E461" s="32" t="s">
        <v>279</v>
      </c>
      <c r="F461" s="32"/>
      <c r="G461" s="33"/>
      <c r="H461" s="39">
        <v>130</v>
      </c>
      <c r="I461" s="34" t="s">
        <v>1492</v>
      </c>
      <c r="J461" s="34">
        <v>810</v>
      </c>
      <c r="K461" s="35">
        <v>4</v>
      </c>
      <c r="L461" s="32">
        <v>180</v>
      </c>
      <c r="M461" s="32"/>
      <c r="N461" s="32">
        <v>42</v>
      </c>
      <c r="O461" s="32">
        <v>900</v>
      </c>
      <c r="P461" s="32"/>
      <c r="Q461" s="41"/>
      <c r="R461" s="37" t="s">
        <v>1491</v>
      </c>
    </row>
    <row r="462" spans="1:18" s="15" customFormat="1" ht="19.2" x14ac:dyDescent="0.45">
      <c r="A462" s="29" t="s">
        <v>272</v>
      </c>
      <c r="B462" s="29" t="s">
        <v>303</v>
      </c>
      <c r="C462" s="30" t="s">
        <v>1108</v>
      </c>
      <c r="D462" s="31"/>
      <c r="E462" s="32" t="s">
        <v>279</v>
      </c>
      <c r="F462" s="32"/>
      <c r="G462" s="33"/>
      <c r="H462" s="31">
        <v>120</v>
      </c>
      <c r="I462" s="32" t="s">
        <v>341</v>
      </c>
      <c r="J462" s="34">
        <v>680</v>
      </c>
      <c r="K462" s="35">
        <v>4</v>
      </c>
      <c r="L462" s="32">
        <v>135</v>
      </c>
      <c r="M462" s="32">
        <v>235</v>
      </c>
      <c r="N462" s="32">
        <v>42</v>
      </c>
      <c r="O462" s="32">
        <v>625</v>
      </c>
      <c r="P462" s="32"/>
      <c r="Q462" s="36" t="s">
        <v>423</v>
      </c>
      <c r="R462" s="37" t="s">
        <v>1710</v>
      </c>
    </row>
    <row r="463" spans="1:18" s="18" customFormat="1" ht="13.2" x14ac:dyDescent="0.45">
      <c r="A463" s="29" t="s">
        <v>273</v>
      </c>
      <c r="B463" s="29" t="s">
        <v>303</v>
      </c>
      <c r="C463" s="30" t="s">
        <v>681</v>
      </c>
      <c r="D463" s="31"/>
      <c r="E463" s="32" t="s">
        <v>279</v>
      </c>
      <c r="F463" s="32"/>
      <c r="G463" s="33"/>
      <c r="H463" s="31">
        <v>120</v>
      </c>
      <c r="I463" s="32" t="s">
        <v>410</v>
      </c>
      <c r="J463" s="34">
        <v>680</v>
      </c>
      <c r="K463" s="35">
        <v>4</v>
      </c>
      <c r="L463" s="32">
        <v>135</v>
      </c>
      <c r="M463" s="32">
        <v>235</v>
      </c>
      <c r="N463" s="32">
        <v>42</v>
      </c>
      <c r="O463" s="32">
        <v>435</v>
      </c>
      <c r="P463" s="32"/>
      <c r="Q463" s="36"/>
      <c r="R463" s="37" t="s">
        <v>1377</v>
      </c>
    </row>
    <row r="464" spans="1:18" s="18" customFormat="1" ht="60.6" customHeight="1" x14ac:dyDescent="0.45">
      <c r="A464" s="29" t="s">
        <v>274</v>
      </c>
      <c r="B464" s="29" t="s">
        <v>303</v>
      </c>
      <c r="C464" s="30" t="s">
        <v>1564</v>
      </c>
      <c r="D464" s="31"/>
      <c r="E464" s="32" t="s">
        <v>279</v>
      </c>
      <c r="F464" s="32"/>
      <c r="G464" s="33"/>
      <c r="H464" s="39" t="s">
        <v>841</v>
      </c>
      <c r="I464" s="32">
        <v>1980</v>
      </c>
      <c r="J464" s="32">
        <v>960</v>
      </c>
      <c r="K464" s="35">
        <v>4.5</v>
      </c>
      <c r="L464" s="32">
        <v>225</v>
      </c>
      <c r="M464" s="32">
        <v>420</v>
      </c>
      <c r="N464" s="32">
        <v>42</v>
      </c>
      <c r="O464" s="32">
        <v>1150</v>
      </c>
      <c r="P464" s="32"/>
      <c r="Q464" s="41" t="s">
        <v>423</v>
      </c>
      <c r="R464" s="37" t="s">
        <v>1711</v>
      </c>
    </row>
    <row r="465" spans="1:18" s="15" customFormat="1" ht="19.2" x14ac:dyDescent="0.45">
      <c r="A465" s="29" t="s">
        <v>986</v>
      </c>
      <c r="B465" s="29" t="s">
        <v>303</v>
      </c>
      <c r="C465" s="30" t="s">
        <v>1178</v>
      </c>
      <c r="D465" s="31" t="s">
        <v>284</v>
      </c>
      <c r="E465" s="32" t="s">
        <v>1179</v>
      </c>
      <c r="F465" s="32"/>
      <c r="G465" s="33"/>
      <c r="H465" s="31">
        <v>120</v>
      </c>
      <c r="I465" s="32">
        <v>1700</v>
      </c>
      <c r="J465" s="34">
        <v>680</v>
      </c>
      <c r="K465" s="35">
        <v>4</v>
      </c>
      <c r="L465" s="32">
        <v>135</v>
      </c>
      <c r="M465" s="32">
        <v>235</v>
      </c>
      <c r="N465" s="32">
        <v>42</v>
      </c>
      <c r="O465" s="32">
        <v>625</v>
      </c>
      <c r="P465" s="32"/>
      <c r="Q465" s="36" t="s">
        <v>423</v>
      </c>
      <c r="R465" s="37" t="s">
        <v>1516</v>
      </c>
    </row>
    <row r="466" spans="1:18" s="15" customFormat="1" ht="19.2" x14ac:dyDescent="0.45">
      <c r="A466" s="29" t="s">
        <v>275</v>
      </c>
      <c r="B466" s="29" t="s">
        <v>609</v>
      </c>
      <c r="C466" s="30" t="s">
        <v>610</v>
      </c>
      <c r="D466" s="31"/>
      <c r="E466" s="32" t="s">
        <v>279</v>
      </c>
      <c r="F466" s="32"/>
      <c r="G466" s="33"/>
      <c r="H466" s="31"/>
      <c r="I466" s="32" t="s">
        <v>427</v>
      </c>
      <c r="J466" s="34">
        <v>950</v>
      </c>
      <c r="K466" s="35">
        <v>4</v>
      </c>
      <c r="L466" s="32"/>
      <c r="M466" s="32"/>
      <c r="N466" s="32">
        <v>48</v>
      </c>
      <c r="O466" s="32"/>
      <c r="P466" s="32">
        <v>470</v>
      </c>
      <c r="Q466" s="36"/>
      <c r="R466" s="37" t="s">
        <v>1719</v>
      </c>
    </row>
    <row r="467" spans="1:18" s="15" customFormat="1" ht="14.25" customHeight="1" x14ac:dyDescent="0.45">
      <c r="A467" s="29" t="s">
        <v>275</v>
      </c>
      <c r="B467" s="29" t="s">
        <v>303</v>
      </c>
      <c r="C467" s="30" t="s">
        <v>799</v>
      </c>
      <c r="D467" s="31"/>
      <c r="E467" s="32" t="s">
        <v>279</v>
      </c>
      <c r="F467" s="32"/>
      <c r="G467" s="33"/>
      <c r="H467" s="31"/>
      <c r="I467" s="32" t="s">
        <v>427</v>
      </c>
      <c r="J467" s="34">
        <v>950</v>
      </c>
      <c r="K467" s="35">
        <v>4</v>
      </c>
      <c r="L467" s="32"/>
      <c r="M467" s="32"/>
      <c r="N467" s="32">
        <v>48</v>
      </c>
      <c r="O467" s="32"/>
      <c r="P467" s="32">
        <v>470</v>
      </c>
      <c r="Q467" s="36"/>
      <c r="R467" s="37" t="s">
        <v>800</v>
      </c>
    </row>
    <row r="468" spans="1:18" s="15" customFormat="1" ht="14.25" customHeight="1" x14ac:dyDescent="0.45">
      <c r="A468" s="29" t="s">
        <v>275</v>
      </c>
      <c r="B468" s="29" t="s">
        <v>303</v>
      </c>
      <c r="C468" s="30" t="s">
        <v>1077</v>
      </c>
      <c r="D468" s="31"/>
      <c r="E468" s="32" t="s">
        <v>279</v>
      </c>
      <c r="F468" s="32"/>
      <c r="G468" s="33"/>
      <c r="H468" s="31"/>
      <c r="I468" s="32" t="s">
        <v>427</v>
      </c>
      <c r="J468" s="34">
        <v>950</v>
      </c>
      <c r="K468" s="35">
        <v>4</v>
      </c>
      <c r="L468" s="32"/>
      <c r="M468" s="32"/>
      <c r="N468" s="32">
        <v>48</v>
      </c>
      <c r="O468" s="32"/>
      <c r="P468" s="32">
        <v>470</v>
      </c>
      <c r="Q468" s="36"/>
      <c r="R468" s="37" t="s">
        <v>801</v>
      </c>
    </row>
    <row r="469" spans="1:18" s="15" customFormat="1" ht="19.2" x14ac:dyDescent="0.45">
      <c r="A469" s="29" t="s">
        <v>276</v>
      </c>
      <c r="B469" s="29" t="s">
        <v>303</v>
      </c>
      <c r="C469" s="30" t="s">
        <v>1370</v>
      </c>
      <c r="D469" s="31" t="s">
        <v>284</v>
      </c>
      <c r="E469" s="32" t="s">
        <v>287</v>
      </c>
      <c r="F469" s="32"/>
      <c r="G469" s="33"/>
      <c r="H469" s="31">
        <v>140</v>
      </c>
      <c r="I469" s="32" t="s">
        <v>301</v>
      </c>
      <c r="J469" s="34">
        <v>960</v>
      </c>
      <c r="K469" s="35">
        <v>4</v>
      </c>
      <c r="L469" s="32">
        <v>225</v>
      </c>
      <c r="M469" s="32">
        <v>420</v>
      </c>
      <c r="N469" s="32">
        <v>42</v>
      </c>
      <c r="O469" s="32">
        <v>1150</v>
      </c>
      <c r="P469" s="32"/>
      <c r="Q469" s="36"/>
      <c r="R469" s="37" t="s">
        <v>1719</v>
      </c>
    </row>
    <row r="470" spans="1:18" s="15" customFormat="1" ht="14.25" customHeight="1" x14ac:dyDescent="0.45">
      <c r="A470" s="29" t="s">
        <v>276</v>
      </c>
      <c r="B470" s="29" t="s">
        <v>303</v>
      </c>
      <c r="C470" s="30" t="s">
        <v>1371</v>
      </c>
      <c r="D470" s="31"/>
      <c r="E470" s="32" t="s">
        <v>279</v>
      </c>
      <c r="F470" s="32"/>
      <c r="G470" s="33"/>
      <c r="H470" s="31">
        <v>120</v>
      </c>
      <c r="I470" s="32" t="s">
        <v>341</v>
      </c>
      <c r="J470" s="34">
        <v>690</v>
      </c>
      <c r="K470" s="35">
        <v>4</v>
      </c>
      <c r="L470" s="32">
        <v>135</v>
      </c>
      <c r="M470" s="32">
        <v>235</v>
      </c>
      <c r="N470" s="32">
        <v>42</v>
      </c>
      <c r="O470" s="32">
        <v>625</v>
      </c>
      <c r="P470" s="32"/>
      <c r="Q470" s="36"/>
      <c r="R470" s="37" t="s">
        <v>1565</v>
      </c>
    </row>
    <row r="471" spans="1:18" s="15" customFormat="1" ht="52.5" customHeight="1" thickBot="1" x14ac:dyDescent="0.5">
      <c r="A471" s="29" t="s">
        <v>277</v>
      </c>
      <c r="B471" s="29" t="s">
        <v>741</v>
      </c>
      <c r="C471" s="30" t="s">
        <v>832</v>
      </c>
      <c r="D471" s="69"/>
      <c r="E471" s="70" t="s">
        <v>279</v>
      </c>
      <c r="F471" s="70"/>
      <c r="G471" s="74"/>
      <c r="H471" s="69" t="s">
        <v>742</v>
      </c>
      <c r="I471" s="70" t="s">
        <v>341</v>
      </c>
      <c r="J471" s="70" t="s">
        <v>743</v>
      </c>
      <c r="K471" s="70" t="s">
        <v>743</v>
      </c>
      <c r="L471" s="70" t="s">
        <v>743</v>
      </c>
      <c r="M471" s="70" t="s">
        <v>743</v>
      </c>
      <c r="N471" s="70" t="s">
        <v>743</v>
      </c>
      <c r="O471" s="70" t="s">
        <v>743</v>
      </c>
      <c r="P471" s="70"/>
      <c r="Q471" s="71"/>
      <c r="R471" s="37" t="s">
        <v>1220</v>
      </c>
    </row>
    <row r="472" spans="1:18" s="15" customFormat="1" ht="13.2" x14ac:dyDescent="0.45">
      <c r="K472" s="24"/>
    </row>
    <row r="473" spans="1:18" s="15" customFormat="1" ht="13.2" x14ac:dyDescent="0.45">
      <c r="K473" s="24"/>
    </row>
    <row r="474" spans="1:18" s="15" customFormat="1" ht="13.2" x14ac:dyDescent="0.45">
      <c r="K474" s="24"/>
    </row>
    <row r="475" spans="1:18" s="15" customFormat="1" ht="13.2" x14ac:dyDescent="0.45">
      <c r="K475" s="24"/>
      <c r="R475" s="19"/>
    </row>
    <row r="476" spans="1:18" s="15" customFormat="1" ht="13.2" x14ac:dyDescent="0.45">
      <c r="K476" s="24"/>
    </row>
    <row r="477" spans="1:18" s="15" customFormat="1" ht="13.2" x14ac:dyDescent="0.45">
      <c r="K477" s="24"/>
    </row>
  </sheetData>
  <mergeCells count="42">
    <mergeCell ref="A3:A6"/>
    <mergeCell ref="B3:B6"/>
    <mergeCell ref="C3:C6"/>
    <mergeCell ref="D3:G3"/>
    <mergeCell ref="H3:Q3"/>
    <mergeCell ref="R3:R6"/>
    <mergeCell ref="D4:D6"/>
    <mergeCell ref="E4:G4"/>
    <mergeCell ref="H4:H6"/>
    <mergeCell ref="I4:I6"/>
    <mergeCell ref="P4:P6"/>
    <mergeCell ref="Q4:Q6"/>
    <mergeCell ref="M4:M6"/>
    <mergeCell ref="N4:N6"/>
    <mergeCell ref="O4:O6"/>
    <mergeCell ref="J4:J6"/>
    <mergeCell ref="K4:K6"/>
    <mergeCell ref="L4:L6"/>
    <mergeCell ref="E5:E6"/>
    <mergeCell ref="F5:F6"/>
    <mergeCell ref="G5:G6"/>
    <mergeCell ref="A40:A43"/>
    <mergeCell ref="B40:B43"/>
    <mergeCell ref="C40:C43"/>
    <mergeCell ref="D40:G40"/>
    <mergeCell ref="H40:Q40"/>
    <mergeCell ref="R40:R43"/>
    <mergeCell ref="D41:D43"/>
    <mergeCell ref="E41:G41"/>
    <mergeCell ref="H41:H43"/>
    <mergeCell ref="I41:I43"/>
    <mergeCell ref="J41:J43"/>
    <mergeCell ref="K41:K43"/>
    <mergeCell ref="L41:L43"/>
    <mergeCell ref="M41:M43"/>
    <mergeCell ref="N41:N43"/>
    <mergeCell ref="O41:O43"/>
    <mergeCell ref="P41:P43"/>
    <mergeCell ref="Q41:Q43"/>
    <mergeCell ref="E42:E43"/>
    <mergeCell ref="F42:F43"/>
    <mergeCell ref="G42:G43"/>
  </mergeCells>
  <phoneticPr fontId="4"/>
  <pageMargins left="0.25" right="0.25" top="0.75" bottom="0.75" header="0.3" footer="0.3"/>
  <pageSetup paperSize="9" scale="80" fitToHeight="0" orientation="landscape" r:id="rId1"/>
  <headerFooter>
    <oddFooter>&amp;P / &amp;N ページ</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099B32-BF0F-4F8F-A763-2AE63473F541}">
  <sheetPr>
    <pageSetUpPr fitToPage="1"/>
  </sheetPr>
  <dimension ref="A1:S36"/>
  <sheetViews>
    <sheetView zoomScaleNormal="100" zoomScaleSheetLayoutView="100" workbookViewId="0"/>
  </sheetViews>
  <sheetFormatPr defaultColWidth="9" defaultRowHeight="14.4" x14ac:dyDescent="0.45"/>
  <cols>
    <col min="1" max="1" width="2" style="2" customWidth="1"/>
    <col min="2" max="2" width="3.08984375" style="2" customWidth="1"/>
    <col min="3" max="3" width="2.7265625" style="2" customWidth="1"/>
    <col min="4" max="13" width="9" style="2"/>
    <col min="14" max="14" width="2.453125" style="2" customWidth="1"/>
    <col min="15" max="16384" width="9" style="2"/>
  </cols>
  <sheetData>
    <row r="1" spans="1:18" s="121" customFormat="1" x14ac:dyDescent="0.45"/>
    <row r="3" spans="1:18" s="17" customFormat="1" ht="16.2" x14ac:dyDescent="0.45">
      <c r="A3" s="16" t="s">
        <v>373</v>
      </c>
      <c r="B3" s="16"/>
    </row>
    <row r="4" spans="1:18" s="17" customFormat="1" ht="11.25" customHeight="1" x14ac:dyDescent="0.45">
      <c r="A4" s="16"/>
      <c r="B4" s="16"/>
    </row>
    <row r="5" spans="1:18" x14ac:dyDescent="0.45">
      <c r="B5" s="67" t="s">
        <v>1721</v>
      </c>
    </row>
    <row r="6" spans="1:18" x14ac:dyDescent="0.45">
      <c r="B6" s="2" t="s">
        <v>362</v>
      </c>
    </row>
    <row r="7" spans="1:18" x14ac:dyDescent="0.45">
      <c r="B7" s="2" t="s">
        <v>1218</v>
      </c>
    </row>
    <row r="8" spans="1:18" ht="9" customHeight="1" x14ac:dyDescent="0.45"/>
    <row r="9" spans="1:18" x14ac:dyDescent="0.45">
      <c r="B9" s="6" t="s">
        <v>365</v>
      </c>
      <c r="C9" s="1"/>
    </row>
    <row r="10" spans="1:18" x14ac:dyDescent="0.45">
      <c r="B10" s="4" t="s">
        <v>358</v>
      </c>
      <c r="C10" s="2" t="s">
        <v>688</v>
      </c>
    </row>
    <row r="11" spans="1:18" ht="14.25" customHeight="1" x14ac:dyDescent="0.45">
      <c r="B11" s="4"/>
    </row>
    <row r="12" spans="1:18" x14ac:dyDescent="0.45">
      <c r="B12" s="4"/>
    </row>
    <row r="13" spans="1:18" x14ac:dyDescent="0.45">
      <c r="B13" s="4"/>
    </row>
    <row r="14" spans="1:18" x14ac:dyDescent="0.45">
      <c r="B14" s="4"/>
    </row>
    <row r="15" spans="1:18" ht="14.25" customHeight="1" x14ac:dyDescent="0.45">
      <c r="B15" s="4"/>
    </row>
    <row r="16" spans="1:18" ht="30" customHeight="1" x14ac:dyDescent="0.45">
      <c r="B16" s="5" t="s">
        <v>363</v>
      </c>
      <c r="C16" s="118" t="s">
        <v>364</v>
      </c>
      <c r="D16" s="118"/>
      <c r="E16" s="118"/>
      <c r="F16" s="118"/>
      <c r="G16" s="118"/>
      <c r="H16" s="118"/>
      <c r="I16" s="118"/>
      <c r="J16" s="118"/>
      <c r="K16" s="118"/>
      <c r="L16" s="118"/>
      <c r="M16" s="118"/>
      <c r="N16" s="118"/>
      <c r="O16" s="118"/>
      <c r="P16" s="118"/>
      <c r="Q16" s="118"/>
      <c r="R16" s="118"/>
    </row>
    <row r="17" spans="2:19" ht="21.75" customHeight="1" x14ac:dyDescent="0.45">
      <c r="B17" s="4" t="s">
        <v>363</v>
      </c>
      <c r="C17" s="118" t="s">
        <v>682</v>
      </c>
      <c r="D17" s="118"/>
      <c r="E17" s="118"/>
      <c r="F17" s="118"/>
      <c r="G17" s="118"/>
      <c r="H17" s="118"/>
      <c r="I17" s="118"/>
      <c r="J17" s="118"/>
      <c r="K17" s="118"/>
      <c r="L17" s="118"/>
      <c r="M17" s="118"/>
      <c r="N17" s="118"/>
      <c r="O17" s="118"/>
      <c r="P17" s="118"/>
      <c r="Q17" s="118"/>
      <c r="R17" s="118"/>
    </row>
    <row r="18" spans="2:19" ht="9.75" customHeight="1" x14ac:dyDescent="0.45">
      <c r="B18" s="5"/>
      <c r="C18" s="3"/>
      <c r="D18" s="3"/>
      <c r="E18" s="3"/>
      <c r="F18" s="3"/>
      <c r="G18" s="3"/>
      <c r="H18" s="3"/>
      <c r="I18" s="3"/>
      <c r="J18" s="3"/>
      <c r="K18" s="3"/>
      <c r="L18" s="3"/>
    </row>
    <row r="19" spans="2:19" x14ac:dyDescent="0.45">
      <c r="B19" s="6" t="s">
        <v>366</v>
      </c>
      <c r="C19" s="1"/>
    </row>
    <row r="20" spans="2:19" x14ac:dyDescent="0.45">
      <c r="B20" s="4" t="s">
        <v>367</v>
      </c>
      <c r="C20" s="2" t="s">
        <v>683</v>
      </c>
    </row>
    <row r="21" spans="2:19" ht="14.25" customHeight="1" x14ac:dyDescent="0.45">
      <c r="C21" s="118" t="s">
        <v>684</v>
      </c>
      <c r="D21" s="118"/>
      <c r="E21" s="118"/>
      <c r="F21" s="118"/>
      <c r="G21" s="118"/>
      <c r="H21" s="118"/>
      <c r="I21" s="118"/>
      <c r="J21" s="118"/>
      <c r="K21" s="118"/>
      <c r="L21" s="118"/>
      <c r="M21" s="118"/>
      <c r="N21" s="118"/>
      <c r="O21" s="118"/>
      <c r="P21" s="118"/>
      <c r="Q21" s="118"/>
      <c r="R21" s="118"/>
    </row>
    <row r="22" spans="2:19" x14ac:dyDescent="0.45">
      <c r="C22" s="118"/>
      <c r="D22" s="118"/>
      <c r="E22" s="118"/>
      <c r="F22" s="118"/>
      <c r="G22" s="118"/>
      <c r="H22" s="118"/>
      <c r="I22" s="118"/>
      <c r="J22" s="118"/>
      <c r="K22" s="118"/>
      <c r="L22" s="118"/>
      <c r="M22" s="118"/>
      <c r="N22" s="118"/>
      <c r="O22" s="118"/>
      <c r="P22" s="118"/>
      <c r="Q22" s="118"/>
      <c r="R22" s="118"/>
    </row>
    <row r="23" spans="2:19" x14ac:dyDescent="0.45">
      <c r="B23" s="4" t="s">
        <v>367</v>
      </c>
      <c r="C23" s="2" t="s">
        <v>685</v>
      </c>
    </row>
    <row r="24" spans="2:19" x14ac:dyDescent="0.45">
      <c r="B24" s="4" t="s">
        <v>367</v>
      </c>
      <c r="C24" s="2" t="s">
        <v>369</v>
      </c>
    </row>
    <row r="25" spans="2:19" ht="14.25" customHeight="1" x14ac:dyDescent="0.45">
      <c r="B25" s="4" t="s">
        <v>367</v>
      </c>
      <c r="C25" s="119" t="s">
        <v>686</v>
      </c>
      <c r="D25" s="119"/>
      <c r="E25" s="119"/>
      <c r="F25" s="119"/>
      <c r="G25" s="119"/>
      <c r="H25" s="119"/>
      <c r="I25" s="119"/>
      <c r="J25" s="119"/>
      <c r="K25" s="119"/>
      <c r="L25" s="119"/>
      <c r="M25" s="119"/>
      <c r="N25" s="119"/>
      <c r="O25" s="119"/>
      <c r="P25" s="119"/>
      <c r="Q25" s="119"/>
      <c r="R25" s="119"/>
    </row>
    <row r="26" spans="2:19" ht="14.25" customHeight="1" x14ac:dyDescent="0.45">
      <c r="B26" s="22"/>
      <c r="C26" s="120"/>
      <c r="D26" s="120"/>
      <c r="E26" s="120"/>
      <c r="F26" s="120"/>
      <c r="G26" s="120"/>
      <c r="H26" s="120"/>
      <c r="I26" s="120"/>
      <c r="J26" s="120"/>
      <c r="K26" s="120"/>
      <c r="L26" s="120"/>
      <c r="M26" s="120"/>
      <c r="N26" s="120"/>
      <c r="O26" s="120"/>
      <c r="P26" s="120"/>
      <c r="Q26" s="120"/>
      <c r="R26" s="120"/>
      <c r="S26" s="23"/>
    </row>
    <row r="27" spans="2:19" x14ac:dyDescent="0.45">
      <c r="C27" s="1" t="s">
        <v>359</v>
      </c>
    </row>
    <row r="28" spans="2:19" x14ac:dyDescent="0.45">
      <c r="C28" s="7"/>
      <c r="D28" s="8" t="s">
        <v>361</v>
      </c>
      <c r="E28" s="8"/>
      <c r="F28" s="8"/>
      <c r="G28" s="8"/>
      <c r="H28" s="8"/>
      <c r="I28" s="8"/>
      <c r="J28" s="9"/>
    </row>
    <row r="29" spans="2:19" x14ac:dyDescent="0.45">
      <c r="C29" s="10"/>
      <c r="D29" s="2" t="s">
        <v>687</v>
      </c>
      <c r="J29" s="11"/>
    </row>
    <row r="30" spans="2:19" x14ac:dyDescent="0.45">
      <c r="C30" s="10"/>
      <c r="D30" s="2" t="s">
        <v>384</v>
      </c>
      <c r="J30" s="11"/>
    </row>
    <row r="31" spans="2:19" x14ac:dyDescent="0.45">
      <c r="C31" s="10"/>
      <c r="D31" s="2" t="s">
        <v>368</v>
      </c>
      <c r="J31" s="11"/>
    </row>
    <row r="32" spans="2:19" x14ac:dyDescent="0.45">
      <c r="C32" s="10"/>
      <c r="D32" s="2" t="s">
        <v>360</v>
      </c>
      <c r="J32" s="11"/>
    </row>
    <row r="33" spans="3:17" x14ac:dyDescent="0.45">
      <c r="C33" s="12"/>
      <c r="D33" s="13" t="s">
        <v>521</v>
      </c>
      <c r="E33" s="13"/>
      <c r="F33" s="13"/>
      <c r="G33" s="13"/>
      <c r="H33" s="13"/>
      <c r="I33" s="13"/>
      <c r="J33" s="14"/>
    </row>
    <row r="35" spans="3:17" ht="12.75" customHeight="1" x14ac:dyDescent="0.45">
      <c r="C35" s="118" t="s">
        <v>963</v>
      </c>
      <c r="D35" s="118"/>
      <c r="E35" s="118"/>
      <c r="F35" s="118"/>
      <c r="G35" s="118"/>
      <c r="H35" s="118"/>
      <c r="I35" s="118"/>
      <c r="J35" s="118"/>
      <c r="K35" s="118"/>
      <c r="L35" s="118"/>
      <c r="M35" s="118"/>
      <c r="N35" s="118"/>
      <c r="O35" s="118"/>
      <c r="P35" s="118"/>
      <c r="Q35" s="118"/>
    </row>
    <row r="36" spans="3:17" x14ac:dyDescent="0.45">
      <c r="C36" s="118"/>
      <c r="D36" s="118"/>
      <c r="E36" s="118"/>
      <c r="F36" s="118"/>
      <c r="G36" s="118"/>
      <c r="H36" s="118"/>
      <c r="I36" s="118"/>
      <c r="J36" s="118"/>
      <c r="K36" s="118"/>
      <c r="L36" s="118"/>
      <c r="M36" s="118"/>
      <c r="N36" s="118"/>
      <c r="O36" s="118"/>
      <c r="P36" s="118"/>
      <c r="Q36" s="118"/>
    </row>
  </sheetData>
  <mergeCells count="6">
    <mergeCell ref="C35:Q36"/>
    <mergeCell ref="C16:R16"/>
    <mergeCell ref="C17:R17"/>
    <mergeCell ref="C21:R22"/>
    <mergeCell ref="C25:R25"/>
    <mergeCell ref="C26:R26"/>
  </mergeCells>
  <phoneticPr fontId="4"/>
  <pageMargins left="0.70866141732283472" right="0.70866141732283472" top="0.74803149606299213" bottom="0.74803149606299213" header="0.31496062992125984" footer="0.31496062992125984"/>
  <pageSetup paperSize="9" scale="86" fitToHeight="0" orientation="landscape" r:id="rId1"/>
  <headerFooter>
    <oddFooter>&amp;C&amp;G&amp;R©Kawaijuku Educational Institution.</oddFooter>
  </headerFooter>
  <drawing r:id="rId2"/>
  <legacyDrawingHF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2025</vt:lpstr>
      <vt:lpstr>表の見方</vt:lpstr>
      <vt:lpstr>表の見方!Print_Area</vt:lpstr>
      <vt:lpstr>'2025'!Print_Titles</vt:lpstr>
    </vt:vector>
  </TitlesOfParts>
  <Company>学校法人河合塾</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学校法人河合塾</dc:creator>
  <cp:lastPrinted>2024-11-20T07:03:00Z</cp:lastPrinted>
  <dcterms:created xsi:type="dcterms:W3CDTF">2019-11-20T08:35:48Z</dcterms:created>
  <dcterms:modified xsi:type="dcterms:W3CDTF">2025-01-06T08:56:01Z</dcterms:modified>
</cp:coreProperties>
</file>